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8.1.1\08-1_ホームページ（速報）（第一次数値確認の時）\施行用\"/>
    </mc:Choice>
  </mc:AlternateContent>
  <xr:revisionPtr revIDLastSave="0" documentId="13_ncr:1_{94738C6F-9ED4-45C2-B2C8-D29904FD2EB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1" sheetId="2" r:id="rId1"/>
  </sheets>
  <externalReferences>
    <externalReference r:id="rId2"/>
  </externalReferences>
  <definedNames>
    <definedName name="_xlnm.Print_Area" localSheetId="0">Sheet1!$A$1:$BS$190</definedName>
    <definedName name="_xlnm.Print_Titles" localSheetId="0">Sheet1!$A:$C,Sheet1!$3:$4</definedName>
    <definedName name="tblDOUTAIwk_T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Q190" i="2" l="1"/>
  <c r="BP190" i="2"/>
  <c r="BO190" i="2"/>
  <c r="BN190" i="2"/>
  <c r="BM190" i="2"/>
  <c r="BL190" i="2"/>
  <c r="BK190" i="2"/>
  <c r="BJ190" i="2"/>
  <c r="BI190" i="2"/>
  <c r="BH190" i="2"/>
  <c r="BG190" i="2"/>
  <c r="BF190" i="2"/>
  <c r="BE190" i="2"/>
  <c r="BD190" i="2"/>
  <c r="BC190" i="2"/>
  <c r="BB190" i="2"/>
  <c r="BA190" i="2"/>
  <c r="AZ190" i="2"/>
  <c r="AY190" i="2"/>
  <c r="AX190" i="2"/>
  <c r="AW190" i="2"/>
  <c r="AV190" i="2"/>
  <c r="AU190" i="2"/>
  <c r="AT190" i="2"/>
  <c r="AS190" i="2"/>
  <c r="AR190" i="2"/>
  <c r="AQ190" i="2"/>
  <c r="AP190" i="2"/>
  <c r="AO190" i="2"/>
  <c r="AN190" i="2"/>
  <c r="AM190" i="2"/>
  <c r="AL190" i="2"/>
  <c r="AK190" i="2"/>
  <c r="AJ190" i="2"/>
  <c r="AI190" i="2"/>
  <c r="AH190" i="2"/>
  <c r="AG190" i="2"/>
  <c r="AF190" i="2"/>
  <c r="AE190" i="2"/>
  <c r="AD190" i="2"/>
  <c r="AC190" i="2"/>
  <c r="AB190" i="2"/>
  <c r="AA190" i="2"/>
  <c r="Z190" i="2"/>
  <c r="Y190" i="2"/>
  <c r="X190" i="2"/>
  <c r="W190" i="2"/>
  <c r="V190" i="2"/>
  <c r="U190" i="2"/>
  <c r="T190" i="2"/>
  <c r="S190" i="2"/>
  <c r="R190" i="2"/>
  <c r="Q190" i="2"/>
  <c r="P190" i="2"/>
  <c r="O190" i="2"/>
  <c r="N190" i="2"/>
  <c r="M190" i="2"/>
  <c r="L190" i="2"/>
  <c r="K190" i="2"/>
  <c r="J190" i="2"/>
  <c r="I190" i="2"/>
  <c r="H190" i="2"/>
  <c r="G190" i="2"/>
  <c r="F190" i="2"/>
  <c r="E190" i="2"/>
  <c r="D190" i="2"/>
  <c r="BQ189" i="2"/>
  <c r="BP189" i="2"/>
  <c r="BO189" i="2"/>
  <c r="BN189" i="2"/>
  <c r="BM189" i="2"/>
  <c r="BL189" i="2"/>
  <c r="BK189" i="2"/>
  <c r="BJ189" i="2"/>
  <c r="BI189" i="2"/>
  <c r="BH189" i="2"/>
  <c r="BG189" i="2"/>
  <c r="BF189" i="2"/>
  <c r="BE189" i="2"/>
  <c r="BD189" i="2"/>
  <c r="BC189" i="2"/>
  <c r="BB189" i="2"/>
  <c r="BA189" i="2"/>
  <c r="AZ189" i="2"/>
  <c r="AY189" i="2"/>
  <c r="AX189" i="2"/>
  <c r="AW189" i="2"/>
  <c r="AV189" i="2"/>
  <c r="AU189" i="2"/>
  <c r="AT189" i="2"/>
  <c r="AS189" i="2"/>
  <c r="AR189" i="2"/>
  <c r="AQ189" i="2"/>
  <c r="AP189" i="2"/>
  <c r="AO189" i="2"/>
  <c r="AN189" i="2"/>
  <c r="AM189" i="2"/>
  <c r="AL189" i="2"/>
  <c r="AK189" i="2"/>
  <c r="AJ189" i="2"/>
  <c r="AI189" i="2"/>
  <c r="AH189" i="2"/>
  <c r="AG189" i="2"/>
  <c r="AF189" i="2"/>
  <c r="AE189" i="2"/>
  <c r="AD189" i="2"/>
  <c r="AC189" i="2"/>
  <c r="AB189" i="2"/>
  <c r="AA189" i="2"/>
  <c r="Z189" i="2"/>
  <c r="Y189" i="2"/>
  <c r="X189" i="2"/>
  <c r="W189" i="2"/>
  <c r="V189" i="2"/>
  <c r="U189" i="2"/>
  <c r="T189" i="2"/>
  <c r="S189" i="2"/>
  <c r="R189" i="2"/>
  <c r="Q189" i="2"/>
  <c r="P189" i="2"/>
  <c r="O189" i="2"/>
  <c r="N189" i="2"/>
  <c r="M189" i="2"/>
  <c r="L189" i="2"/>
  <c r="K189" i="2"/>
  <c r="J189" i="2"/>
  <c r="I189" i="2"/>
  <c r="H189" i="2"/>
  <c r="G189" i="2"/>
  <c r="F189" i="2"/>
  <c r="E189" i="2"/>
  <c r="D189" i="2"/>
  <c r="BQ188" i="2"/>
  <c r="BP188" i="2"/>
  <c r="BO188" i="2"/>
  <c r="BN188" i="2"/>
  <c r="BM188" i="2"/>
  <c r="BL188" i="2"/>
  <c r="BK188" i="2"/>
  <c r="BJ188" i="2"/>
  <c r="BI188" i="2"/>
  <c r="BH188" i="2"/>
  <c r="BG188" i="2"/>
  <c r="BF188" i="2"/>
  <c r="BE188" i="2"/>
  <c r="BD188" i="2"/>
  <c r="BC188" i="2"/>
  <c r="BB188" i="2"/>
  <c r="BA188" i="2"/>
  <c r="AZ188" i="2"/>
  <c r="AY188" i="2"/>
  <c r="AX188" i="2"/>
  <c r="AW188" i="2"/>
  <c r="AV188" i="2"/>
  <c r="AU188" i="2"/>
  <c r="AT188" i="2"/>
  <c r="AS188" i="2"/>
  <c r="AR188" i="2"/>
  <c r="AQ188" i="2"/>
  <c r="AP188" i="2"/>
  <c r="AO188" i="2"/>
  <c r="AN188" i="2"/>
  <c r="AM188" i="2"/>
  <c r="AL188" i="2"/>
  <c r="AK188" i="2"/>
  <c r="AJ188" i="2"/>
  <c r="AI188" i="2"/>
  <c r="AH188" i="2"/>
  <c r="AG188" i="2"/>
  <c r="AF188" i="2"/>
  <c r="AE188" i="2"/>
  <c r="AD188" i="2"/>
  <c r="AC188" i="2"/>
  <c r="AB188" i="2"/>
  <c r="AA188" i="2"/>
  <c r="Z188" i="2"/>
  <c r="Y188" i="2"/>
  <c r="X188" i="2"/>
  <c r="W188" i="2"/>
  <c r="V188" i="2"/>
  <c r="U188" i="2"/>
  <c r="T188" i="2"/>
  <c r="S188" i="2"/>
  <c r="R188" i="2"/>
  <c r="Q188" i="2"/>
  <c r="P188" i="2"/>
  <c r="O188" i="2"/>
  <c r="N188" i="2"/>
  <c r="M188" i="2"/>
  <c r="L188" i="2"/>
  <c r="K188" i="2"/>
  <c r="J188" i="2"/>
  <c r="I188" i="2"/>
  <c r="H188" i="2"/>
  <c r="G188" i="2"/>
  <c r="F188" i="2"/>
  <c r="E188" i="2"/>
  <c r="D188" i="2"/>
  <c r="BQ187" i="2"/>
  <c r="BP187" i="2"/>
  <c r="BO187" i="2"/>
  <c r="BN187" i="2"/>
  <c r="BM187" i="2"/>
  <c r="BL187" i="2"/>
  <c r="BK187" i="2"/>
  <c r="BJ187" i="2"/>
  <c r="BI187" i="2"/>
  <c r="BH187" i="2"/>
  <c r="BG187" i="2"/>
  <c r="BF187" i="2"/>
  <c r="BE187" i="2"/>
  <c r="BD187" i="2"/>
  <c r="BC187" i="2"/>
  <c r="BB187" i="2"/>
  <c r="BA187" i="2"/>
  <c r="AZ187" i="2"/>
  <c r="AY187" i="2"/>
  <c r="AX187" i="2"/>
  <c r="AW187" i="2"/>
  <c r="AV187" i="2"/>
  <c r="AU187" i="2"/>
  <c r="AT187" i="2"/>
  <c r="AS187" i="2"/>
  <c r="AR187" i="2"/>
  <c r="AQ187" i="2"/>
  <c r="AP187" i="2"/>
  <c r="AO187" i="2"/>
  <c r="AN187" i="2"/>
  <c r="AM187" i="2"/>
  <c r="AL187" i="2"/>
  <c r="AK187" i="2"/>
  <c r="AJ187" i="2"/>
  <c r="AI187" i="2"/>
  <c r="AH187" i="2"/>
  <c r="AG187" i="2"/>
  <c r="AF187" i="2"/>
  <c r="AE187" i="2"/>
  <c r="AD187" i="2"/>
  <c r="AC187" i="2"/>
  <c r="AB187" i="2"/>
  <c r="AA187" i="2"/>
  <c r="Z187" i="2"/>
  <c r="Y187" i="2"/>
  <c r="X187" i="2"/>
  <c r="W187" i="2"/>
  <c r="V187" i="2"/>
  <c r="U187" i="2"/>
  <c r="T187" i="2"/>
  <c r="S187" i="2"/>
  <c r="R187" i="2"/>
  <c r="Q187" i="2"/>
  <c r="P187" i="2"/>
  <c r="O187" i="2"/>
  <c r="N187" i="2"/>
  <c r="M187" i="2"/>
  <c r="L187" i="2"/>
  <c r="K187" i="2"/>
  <c r="J187" i="2"/>
  <c r="I187" i="2"/>
  <c r="H187" i="2"/>
  <c r="G187" i="2"/>
  <c r="F187" i="2"/>
  <c r="E187" i="2"/>
  <c r="D187" i="2"/>
  <c r="BQ186" i="2"/>
  <c r="BP186" i="2"/>
  <c r="BO186" i="2"/>
  <c r="BN186" i="2"/>
  <c r="BM186" i="2"/>
  <c r="BL186" i="2"/>
  <c r="BK186" i="2"/>
  <c r="BJ186" i="2"/>
  <c r="BI186" i="2"/>
  <c r="BH186" i="2"/>
  <c r="BG186" i="2"/>
  <c r="BF186" i="2"/>
  <c r="BE186" i="2"/>
  <c r="BD186" i="2"/>
  <c r="BC186" i="2"/>
  <c r="BB186" i="2"/>
  <c r="BA186" i="2"/>
  <c r="AZ186" i="2"/>
  <c r="AY186" i="2"/>
  <c r="AX186" i="2"/>
  <c r="AW186" i="2"/>
  <c r="AV186" i="2"/>
  <c r="AU186" i="2"/>
  <c r="AT186" i="2"/>
  <c r="AS186" i="2"/>
  <c r="AR186" i="2"/>
  <c r="AQ186" i="2"/>
  <c r="AP186" i="2"/>
  <c r="AO186" i="2"/>
  <c r="AN186" i="2"/>
  <c r="AM186" i="2"/>
  <c r="AL186" i="2"/>
  <c r="AK186" i="2"/>
  <c r="AJ186" i="2"/>
  <c r="AI186" i="2"/>
  <c r="AH186" i="2"/>
  <c r="AG186" i="2"/>
  <c r="AF186" i="2"/>
  <c r="AE186" i="2"/>
  <c r="AD186" i="2"/>
  <c r="AC186" i="2"/>
  <c r="AB186" i="2"/>
  <c r="AA186" i="2"/>
  <c r="Z186" i="2"/>
  <c r="Y186" i="2"/>
  <c r="X186" i="2"/>
  <c r="W186" i="2"/>
  <c r="V186" i="2"/>
  <c r="U186" i="2"/>
  <c r="T186" i="2"/>
  <c r="S186" i="2"/>
  <c r="R186" i="2"/>
  <c r="Q186" i="2"/>
  <c r="P186" i="2"/>
  <c r="O186" i="2"/>
  <c r="N186" i="2"/>
  <c r="M186" i="2"/>
  <c r="L186" i="2"/>
  <c r="K186" i="2"/>
  <c r="J186" i="2"/>
  <c r="I186" i="2"/>
  <c r="H186" i="2"/>
  <c r="G186" i="2"/>
  <c r="F186" i="2"/>
  <c r="E186" i="2"/>
  <c r="D186" i="2"/>
  <c r="BQ185" i="2"/>
  <c r="BP185" i="2"/>
  <c r="BO185" i="2"/>
  <c r="BN185" i="2"/>
  <c r="BM185" i="2"/>
  <c r="BL185" i="2"/>
  <c r="BK185" i="2"/>
  <c r="BJ185" i="2"/>
  <c r="BI185" i="2"/>
  <c r="BH185" i="2"/>
  <c r="BG185" i="2"/>
  <c r="BF185" i="2"/>
  <c r="BE185" i="2"/>
  <c r="BD185" i="2"/>
  <c r="BC185" i="2"/>
  <c r="BB185" i="2"/>
  <c r="BA185" i="2"/>
  <c r="AZ185" i="2"/>
  <c r="AY185" i="2"/>
  <c r="AX185" i="2"/>
  <c r="AW185" i="2"/>
  <c r="AV185" i="2"/>
  <c r="AU185" i="2"/>
  <c r="AT185" i="2"/>
  <c r="AS185" i="2"/>
  <c r="AR185" i="2"/>
  <c r="AQ185" i="2"/>
  <c r="AP185" i="2"/>
  <c r="AO185" i="2"/>
  <c r="AN185" i="2"/>
  <c r="AM185" i="2"/>
  <c r="AL185" i="2"/>
  <c r="AK185" i="2"/>
  <c r="AJ185" i="2"/>
  <c r="AI185" i="2"/>
  <c r="AH185" i="2"/>
  <c r="AG185" i="2"/>
  <c r="AF185" i="2"/>
  <c r="AE185" i="2"/>
  <c r="AD185" i="2"/>
  <c r="AC185" i="2"/>
  <c r="AB185" i="2"/>
  <c r="AA185" i="2"/>
  <c r="Z185" i="2"/>
  <c r="Y185" i="2"/>
  <c r="X185" i="2"/>
  <c r="W185" i="2"/>
  <c r="V185" i="2"/>
  <c r="U185" i="2"/>
  <c r="T185" i="2"/>
  <c r="S185" i="2"/>
  <c r="R185" i="2"/>
  <c r="Q185" i="2"/>
  <c r="P185" i="2"/>
  <c r="O185" i="2"/>
  <c r="N185" i="2"/>
  <c r="M185" i="2"/>
  <c r="L185" i="2"/>
  <c r="K185" i="2"/>
  <c r="J185" i="2"/>
  <c r="I185" i="2"/>
  <c r="H185" i="2"/>
  <c r="G185" i="2"/>
  <c r="F185" i="2"/>
  <c r="E185" i="2"/>
  <c r="D185" i="2"/>
  <c r="BQ184" i="2"/>
  <c r="BP184" i="2"/>
  <c r="BO184" i="2"/>
  <c r="BN184" i="2"/>
  <c r="BM184" i="2"/>
  <c r="BL184" i="2"/>
  <c r="BK184" i="2"/>
  <c r="BJ184" i="2"/>
  <c r="BI184" i="2"/>
  <c r="BH184" i="2"/>
  <c r="BG184" i="2"/>
  <c r="BF184" i="2"/>
  <c r="BE184" i="2"/>
  <c r="BD184" i="2"/>
  <c r="BC184" i="2"/>
  <c r="BB184" i="2"/>
  <c r="BA184" i="2"/>
  <c r="AZ184" i="2"/>
  <c r="AY184" i="2"/>
  <c r="AX184" i="2"/>
  <c r="AW184" i="2"/>
  <c r="AV184" i="2"/>
  <c r="AU184" i="2"/>
  <c r="AT184" i="2"/>
  <c r="AS184" i="2"/>
  <c r="AR184" i="2"/>
  <c r="AQ184" i="2"/>
  <c r="AP184" i="2"/>
  <c r="AO184" i="2"/>
  <c r="AN184" i="2"/>
  <c r="AM184" i="2"/>
  <c r="AL184" i="2"/>
  <c r="AK184" i="2"/>
  <c r="AJ184" i="2"/>
  <c r="AI184" i="2"/>
  <c r="AH184" i="2"/>
  <c r="AG184" i="2"/>
  <c r="AF184" i="2"/>
  <c r="AE184" i="2"/>
  <c r="AD184" i="2"/>
  <c r="AC184" i="2"/>
  <c r="AB184" i="2"/>
  <c r="AA184" i="2"/>
  <c r="Z184" i="2"/>
  <c r="Y184" i="2"/>
  <c r="X184" i="2"/>
  <c r="W184" i="2"/>
  <c r="V184" i="2"/>
  <c r="U184" i="2"/>
  <c r="T184" i="2"/>
  <c r="S184" i="2"/>
  <c r="R184" i="2"/>
  <c r="Q184" i="2"/>
  <c r="P184" i="2"/>
  <c r="O184" i="2"/>
  <c r="N184" i="2"/>
  <c r="M184" i="2"/>
  <c r="L184" i="2"/>
  <c r="K184" i="2"/>
  <c r="J184" i="2"/>
  <c r="I184" i="2"/>
  <c r="H184" i="2"/>
  <c r="G184" i="2"/>
  <c r="F184" i="2"/>
  <c r="E184" i="2"/>
  <c r="D184" i="2"/>
  <c r="BQ183" i="2"/>
  <c r="BP183" i="2"/>
  <c r="BO183" i="2"/>
  <c r="BN183" i="2"/>
  <c r="BM183" i="2"/>
  <c r="BL183" i="2"/>
  <c r="BK183" i="2"/>
  <c r="BJ183" i="2"/>
  <c r="BI183" i="2"/>
  <c r="BH183" i="2"/>
  <c r="BG183" i="2"/>
  <c r="BF183" i="2"/>
  <c r="BE183" i="2"/>
  <c r="BD183" i="2"/>
  <c r="BC183" i="2"/>
  <c r="BB183" i="2"/>
  <c r="BA183" i="2"/>
  <c r="AZ183" i="2"/>
  <c r="AY183" i="2"/>
  <c r="AX183" i="2"/>
  <c r="AW183" i="2"/>
  <c r="AV183" i="2"/>
  <c r="AU183" i="2"/>
  <c r="AT183" i="2"/>
  <c r="AS183" i="2"/>
  <c r="AR183" i="2"/>
  <c r="AQ183" i="2"/>
  <c r="AP183" i="2"/>
  <c r="AO183" i="2"/>
  <c r="AN183" i="2"/>
  <c r="AM183" i="2"/>
  <c r="AL183" i="2"/>
  <c r="AK183" i="2"/>
  <c r="AJ183" i="2"/>
  <c r="AI183" i="2"/>
  <c r="AH183" i="2"/>
  <c r="AG183" i="2"/>
  <c r="AF183" i="2"/>
  <c r="AE183" i="2"/>
  <c r="AD183" i="2"/>
  <c r="AC183" i="2"/>
  <c r="AB183" i="2"/>
  <c r="AA183" i="2"/>
  <c r="Z183" i="2"/>
  <c r="Y183" i="2"/>
  <c r="X183" i="2"/>
  <c r="W183" i="2"/>
  <c r="V183" i="2"/>
  <c r="U183" i="2"/>
  <c r="T183" i="2"/>
  <c r="S183" i="2"/>
  <c r="R183" i="2"/>
  <c r="Q183" i="2"/>
  <c r="P183" i="2"/>
  <c r="O183" i="2"/>
  <c r="N183" i="2"/>
  <c r="M183" i="2"/>
  <c r="L183" i="2"/>
  <c r="K183" i="2"/>
  <c r="J183" i="2"/>
  <c r="I183" i="2"/>
  <c r="H183" i="2"/>
  <c r="G183" i="2"/>
  <c r="F183" i="2"/>
  <c r="E183" i="2"/>
  <c r="D183" i="2"/>
  <c r="BQ182" i="2"/>
  <c r="BP182" i="2"/>
  <c r="BO182" i="2"/>
  <c r="BN182" i="2"/>
  <c r="BM182" i="2"/>
  <c r="BL182" i="2"/>
  <c r="BK182" i="2"/>
  <c r="BJ182" i="2"/>
  <c r="BI182" i="2"/>
  <c r="BH182" i="2"/>
  <c r="BG182" i="2"/>
  <c r="BF182" i="2"/>
  <c r="BE182" i="2"/>
  <c r="BD182" i="2"/>
  <c r="BC182" i="2"/>
  <c r="BB182" i="2"/>
  <c r="BA182" i="2"/>
  <c r="AZ182" i="2"/>
  <c r="AY182" i="2"/>
  <c r="AX182" i="2"/>
  <c r="AW182" i="2"/>
  <c r="AV182" i="2"/>
  <c r="AU182" i="2"/>
  <c r="AT182" i="2"/>
  <c r="AS182" i="2"/>
  <c r="AR182" i="2"/>
  <c r="AQ182" i="2"/>
  <c r="AP182" i="2"/>
  <c r="AO182" i="2"/>
  <c r="AN182" i="2"/>
  <c r="AM182" i="2"/>
  <c r="AL182" i="2"/>
  <c r="AK182" i="2"/>
  <c r="AJ182" i="2"/>
  <c r="AI182" i="2"/>
  <c r="AH182" i="2"/>
  <c r="AG182" i="2"/>
  <c r="AF182" i="2"/>
  <c r="AE182" i="2"/>
  <c r="AD182" i="2"/>
  <c r="AC182" i="2"/>
  <c r="AB182" i="2"/>
  <c r="AA182" i="2"/>
  <c r="Z182" i="2"/>
  <c r="Y182" i="2"/>
  <c r="X182" i="2"/>
  <c r="W182" i="2"/>
  <c r="V182" i="2"/>
  <c r="U182" i="2"/>
  <c r="T182" i="2"/>
  <c r="S182" i="2"/>
  <c r="R182" i="2"/>
  <c r="Q182" i="2"/>
  <c r="P182" i="2"/>
  <c r="O182" i="2"/>
  <c r="N182" i="2"/>
  <c r="M182" i="2"/>
  <c r="L182" i="2"/>
  <c r="K182" i="2"/>
  <c r="J182" i="2"/>
  <c r="I182" i="2"/>
  <c r="H182" i="2"/>
  <c r="G182" i="2"/>
  <c r="F182" i="2"/>
  <c r="E182" i="2"/>
  <c r="D182" i="2"/>
  <c r="BQ181" i="2"/>
  <c r="BP181" i="2"/>
  <c r="BO181" i="2"/>
  <c r="BN181" i="2"/>
  <c r="BM181" i="2"/>
  <c r="BL181" i="2"/>
  <c r="BK181" i="2"/>
  <c r="BJ181" i="2"/>
  <c r="BI181" i="2"/>
  <c r="BH181" i="2"/>
  <c r="BG181" i="2"/>
  <c r="BF181" i="2"/>
  <c r="BE181" i="2"/>
  <c r="BD181" i="2"/>
  <c r="BC181" i="2"/>
  <c r="BB181" i="2"/>
  <c r="BA181" i="2"/>
  <c r="AZ181" i="2"/>
  <c r="AY181" i="2"/>
  <c r="AX181" i="2"/>
  <c r="AW181" i="2"/>
  <c r="AV181" i="2"/>
  <c r="AU181" i="2"/>
  <c r="AT181" i="2"/>
  <c r="AS181" i="2"/>
  <c r="AR181" i="2"/>
  <c r="AQ181" i="2"/>
  <c r="AP181" i="2"/>
  <c r="AO181" i="2"/>
  <c r="AN181" i="2"/>
  <c r="AM181" i="2"/>
  <c r="AL181" i="2"/>
  <c r="AK181" i="2"/>
  <c r="AJ181" i="2"/>
  <c r="AI181" i="2"/>
  <c r="AH181" i="2"/>
  <c r="AG181" i="2"/>
  <c r="AF181" i="2"/>
  <c r="AE181" i="2"/>
  <c r="AD181" i="2"/>
  <c r="AC181" i="2"/>
  <c r="AB181" i="2"/>
  <c r="AA181" i="2"/>
  <c r="Z181" i="2"/>
  <c r="Y181" i="2"/>
  <c r="X181" i="2"/>
  <c r="W181" i="2"/>
  <c r="V181" i="2"/>
  <c r="U181" i="2"/>
  <c r="T181" i="2"/>
  <c r="S181" i="2"/>
  <c r="R181" i="2"/>
  <c r="Q181" i="2"/>
  <c r="P181" i="2"/>
  <c r="O181" i="2"/>
  <c r="N181" i="2"/>
  <c r="M181" i="2"/>
  <c r="L181" i="2"/>
  <c r="K181" i="2"/>
  <c r="J181" i="2"/>
  <c r="I181" i="2"/>
  <c r="H181" i="2"/>
  <c r="G181" i="2"/>
  <c r="F181" i="2"/>
  <c r="E181" i="2"/>
  <c r="D181" i="2"/>
  <c r="BQ180" i="2"/>
  <c r="BP180" i="2"/>
  <c r="BO180" i="2"/>
  <c r="BN180" i="2"/>
  <c r="BM180" i="2"/>
  <c r="BL180" i="2"/>
  <c r="BK180" i="2"/>
  <c r="BJ180" i="2"/>
  <c r="BI180" i="2"/>
  <c r="BH180" i="2"/>
  <c r="BG180" i="2"/>
  <c r="BF180" i="2"/>
  <c r="BE180" i="2"/>
  <c r="BD180" i="2"/>
  <c r="BC180" i="2"/>
  <c r="BB180" i="2"/>
  <c r="BA180" i="2"/>
  <c r="AZ180" i="2"/>
  <c r="AY180" i="2"/>
  <c r="AX180" i="2"/>
  <c r="AW180" i="2"/>
  <c r="AV180" i="2"/>
  <c r="AU180" i="2"/>
  <c r="AT180" i="2"/>
  <c r="AS180" i="2"/>
  <c r="AR180" i="2"/>
  <c r="AQ180" i="2"/>
  <c r="AP180" i="2"/>
  <c r="AO180" i="2"/>
  <c r="AN180" i="2"/>
  <c r="AM180" i="2"/>
  <c r="AL180" i="2"/>
  <c r="AK180" i="2"/>
  <c r="AJ180" i="2"/>
  <c r="AI180" i="2"/>
  <c r="AH180" i="2"/>
  <c r="AG180" i="2"/>
  <c r="AF180" i="2"/>
  <c r="AE180" i="2"/>
  <c r="AD180" i="2"/>
  <c r="AC180" i="2"/>
  <c r="AB180" i="2"/>
  <c r="AA180" i="2"/>
  <c r="Z180" i="2"/>
  <c r="Y180" i="2"/>
  <c r="X180" i="2"/>
  <c r="W180" i="2"/>
  <c r="V180" i="2"/>
  <c r="U180" i="2"/>
  <c r="T180" i="2"/>
  <c r="S180" i="2"/>
  <c r="R180" i="2"/>
  <c r="Q180" i="2"/>
  <c r="P180" i="2"/>
  <c r="O180" i="2"/>
  <c r="N180" i="2"/>
  <c r="M180" i="2"/>
  <c r="L180" i="2"/>
  <c r="K180" i="2"/>
  <c r="J180" i="2"/>
  <c r="I180" i="2"/>
  <c r="H180" i="2"/>
  <c r="G180" i="2"/>
  <c r="F180" i="2"/>
  <c r="E180" i="2"/>
  <c r="D180" i="2"/>
  <c r="BQ179" i="2"/>
  <c r="BP179" i="2"/>
  <c r="BO179" i="2"/>
  <c r="BN179" i="2"/>
  <c r="BM179" i="2"/>
  <c r="BL179" i="2"/>
  <c r="BK179" i="2"/>
  <c r="BJ179" i="2"/>
  <c r="BI179" i="2"/>
  <c r="BH179" i="2"/>
  <c r="BG179" i="2"/>
  <c r="BF179" i="2"/>
  <c r="BE179" i="2"/>
  <c r="BD179" i="2"/>
  <c r="BC179" i="2"/>
  <c r="BB179" i="2"/>
  <c r="BA179" i="2"/>
  <c r="AZ179" i="2"/>
  <c r="AY179" i="2"/>
  <c r="AX179" i="2"/>
  <c r="AW179" i="2"/>
  <c r="AV179" i="2"/>
  <c r="AU179" i="2"/>
  <c r="AT179" i="2"/>
  <c r="AS179" i="2"/>
  <c r="AR179" i="2"/>
  <c r="AQ179" i="2"/>
  <c r="AP179" i="2"/>
  <c r="AO179" i="2"/>
  <c r="AN179" i="2"/>
  <c r="AM179" i="2"/>
  <c r="AL179" i="2"/>
  <c r="AK179" i="2"/>
  <c r="AJ179" i="2"/>
  <c r="AI179" i="2"/>
  <c r="AH179" i="2"/>
  <c r="AG179" i="2"/>
  <c r="AF179" i="2"/>
  <c r="AE179" i="2"/>
  <c r="AD179" i="2"/>
  <c r="AC179" i="2"/>
  <c r="AB179" i="2"/>
  <c r="AA179" i="2"/>
  <c r="Z179" i="2"/>
  <c r="Y179" i="2"/>
  <c r="X179" i="2"/>
  <c r="W179" i="2"/>
  <c r="V179" i="2"/>
  <c r="U179" i="2"/>
  <c r="T179" i="2"/>
  <c r="S179" i="2"/>
  <c r="R179" i="2"/>
  <c r="Q179" i="2"/>
  <c r="P179" i="2"/>
  <c r="O179" i="2"/>
  <c r="N179" i="2"/>
  <c r="M179" i="2"/>
  <c r="L179" i="2"/>
  <c r="K179" i="2"/>
  <c r="J179" i="2"/>
  <c r="I179" i="2"/>
  <c r="H179" i="2"/>
  <c r="G179" i="2"/>
  <c r="F179" i="2"/>
  <c r="E179" i="2"/>
  <c r="D179" i="2"/>
  <c r="BQ178" i="2"/>
  <c r="BP178" i="2"/>
  <c r="BO178" i="2"/>
  <c r="BN178" i="2"/>
  <c r="BM178" i="2"/>
  <c r="BL178" i="2"/>
  <c r="BK178" i="2"/>
  <c r="BJ178" i="2"/>
  <c r="BI178" i="2"/>
  <c r="BH178" i="2"/>
  <c r="BG178" i="2"/>
  <c r="BF178" i="2"/>
  <c r="BE178" i="2"/>
  <c r="BD178" i="2"/>
  <c r="BC178" i="2"/>
  <c r="BB178" i="2"/>
  <c r="BA178" i="2"/>
  <c r="AZ178" i="2"/>
  <c r="AY178" i="2"/>
  <c r="AX178" i="2"/>
  <c r="AW178" i="2"/>
  <c r="AV178" i="2"/>
  <c r="AU178" i="2"/>
  <c r="AT178" i="2"/>
  <c r="AS178" i="2"/>
  <c r="AR178" i="2"/>
  <c r="AQ178" i="2"/>
  <c r="AP178" i="2"/>
  <c r="AO178" i="2"/>
  <c r="AN178" i="2"/>
  <c r="AM178" i="2"/>
  <c r="AL178" i="2"/>
  <c r="AK178" i="2"/>
  <c r="AJ178" i="2"/>
  <c r="AI178" i="2"/>
  <c r="AH178" i="2"/>
  <c r="AG178" i="2"/>
  <c r="AF178" i="2"/>
  <c r="AE178" i="2"/>
  <c r="AD178" i="2"/>
  <c r="AC178" i="2"/>
  <c r="AB178" i="2"/>
  <c r="AA178" i="2"/>
  <c r="Z178" i="2"/>
  <c r="Y178" i="2"/>
  <c r="X178" i="2"/>
  <c r="W178" i="2"/>
  <c r="V178" i="2"/>
  <c r="U178" i="2"/>
  <c r="T178" i="2"/>
  <c r="S178" i="2"/>
  <c r="R178" i="2"/>
  <c r="Q178" i="2"/>
  <c r="P178" i="2"/>
  <c r="O178" i="2"/>
  <c r="N178" i="2"/>
  <c r="M178" i="2"/>
  <c r="L178" i="2"/>
  <c r="K178" i="2"/>
  <c r="J178" i="2"/>
  <c r="I178" i="2"/>
  <c r="H178" i="2"/>
  <c r="G178" i="2"/>
  <c r="F178" i="2"/>
  <c r="E178" i="2"/>
  <c r="D178" i="2"/>
  <c r="BQ177" i="2"/>
  <c r="BP177" i="2"/>
  <c r="BO177" i="2"/>
  <c r="BN177" i="2"/>
  <c r="BM177" i="2"/>
  <c r="BL177" i="2"/>
  <c r="BK177" i="2"/>
  <c r="BJ177" i="2"/>
  <c r="BI177" i="2"/>
  <c r="BH177" i="2"/>
  <c r="BG177" i="2"/>
  <c r="BF177" i="2"/>
  <c r="BE177" i="2"/>
  <c r="BD177" i="2"/>
  <c r="BC177" i="2"/>
  <c r="BB177" i="2"/>
  <c r="BA177" i="2"/>
  <c r="AZ177" i="2"/>
  <c r="AY177" i="2"/>
  <c r="AX177" i="2"/>
  <c r="AW177" i="2"/>
  <c r="AV177" i="2"/>
  <c r="AU177" i="2"/>
  <c r="AT177" i="2"/>
  <c r="AS177" i="2"/>
  <c r="AR177" i="2"/>
  <c r="AQ177" i="2"/>
  <c r="AP177" i="2"/>
  <c r="AO177" i="2"/>
  <c r="AN177" i="2"/>
  <c r="AM177" i="2"/>
  <c r="AL177" i="2"/>
  <c r="AK177" i="2"/>
  <c r="AJ177" i="2"/>
  <c r="AI177" i="2"/>
  <c r="AH177" i="2"/>
  <c r="AG177" i="2"/>
  <c r="AF177" i="2"/>
  <c r="AE177" i="2"/>
  <c r="AD177" i="2"/>
  <c r="AC177" i="2"/>
  <c r="AB177" i="2"/>
  <c r="AA177" i="2"/>
  <c r="Z177" i="2"/>
  <c r="Y177" i="2"/>
  <c r="X177" i="2"/>
  <c r="W177" i="2"/>
  <c r="V177" i="2"/>
  <c r="U177" i="2"/>
  <c r="T177" i="2"/>
  <c r="S177" i="2"/>
  <c r="R177" i="2"/>
  <c r="Q177" i="2"/>
  <c r="P177" i="2"/>
  <c r="O177" i="2"/>
  <c r="N177" i="2"/>
  <c r="M177" i="2"/>
  <c r="L177" i="2"/>
  <c r="K177" i="2"/>
  <c r="J177" i="2"/>
  <c r="I177" i="2"/>
  <c r="H177" i="2"/>
  <c r="G177" i="2"/>
  <c r="F177" i="2"/>
  <c r="E177" i="2"/>
  <c r="D177" i="2"/>
  <c r="BQ176" i="2"/>
  <c r="BP176" i="2"/>
  <c r="BO176" i="2"/>
  <c r="BN176" i="2"/>
  <c r="BM176" i="2"/>
  <c r="BL176" i="2"/>
  <c r="BK176" i="2"/>
  <c r="BJ176" i="2"/>
  <c r="BI176" i="2"/>
  <c r="BH176" i="2"/>
  <c r="BG176" i="2"/>
  <c r="BF176" i="2"/>
  <c r="BE176" i="2"/>
  <c r="BD176" i="2"/>
  <c r="BC176" i="2"/>
  <c r="BB176" i="2"/>
  <c r="BA176" i="2"/>
  <c r="AZ176" i="2"/>
  <c r="AY176" i="2"/>
  <c r="AX176" i="2"/>
  <c r="AW176" i="2"/>
  <c r="AV176" i="2"/>
  <c r="AU176" i="2"/>
  <c r="AT176" i="2"/>
  <c r="AS176" i="2"/>
  <c r="AR176" i="2"/>
  <c r="AQ176" i="2"/>
  <c r="AP176" i="2"/>
  <c r="AO176" i="2"/>
  <c r="AN176" i="2"/>
  <c r="AM176" i="2"/>
  <c r="AL176" i="2"/>
  <c r="AK176" i="2"/>
  <c r="AJ176" i="2"/>
  <c r="AI176" i="2"/>
  <c r="AH176" i="2"/>
  <c r="AG176" i="2"/>
  <c r="AF176" i="2"/>
  <c r="AE176" i="2"/>
  <c r="AD176" i="2"/>
  <c r="AC176" i="2"/>
  <c r="AB176" i="2"/>
  <c r="AA176" i="2"/>
  <c r="Z176" i="2"/>
  <c r="Y176" i="2"/>
  <c r="X176" i="2"/>
  <c r="W176" i="2"/>
  <c r="V176" i="2"/>
  <c r="U176" i="2"/>
  <c r="T176" i="2"/>
  <c r="S176" i="2"/>
  <c r="R176" i="2"/>
  <c r="Q176" i="2"/>
  <c r="P176" i="2"/>
  <c r="O176" i="2"/>
  <c r="N176" i="2"/>
  <c r="M176" i="2"/>
  <c r="L176" i="2"/>
  <c r="K176" i="2"/>
  <c r="J176" i="2"/>
  <c r="I176" i="2"/>
  <c r="H176" i="2"/>
  <c r="G176" i="2"/>
  <c r="F176" i="2"/>
  <c r="E176" i="2"/>
  <c r="D176" i="2"/>
  <c r="BQ175" i="2"/>
  <c r="BP175" i="2"/>
  <c r="BO175" i="2"/>
  <c r="BN175" i="2"/>
  <c r="BM175" i="2"/>
  <c r="BL175" i="2"/>
  <c r="BK175" i="2"/>
  <c r="BJ175" i="2"/>
  <c r="BI175" i="2"/>
  <c r="BH175" i="2"/>
  <c r="BG175" i="2"/>
  <c r="BF175" i="2"/>
  <c r="BE175" i="2"/>
  <c r="BD175" i="2"/>
  <c r="BC175" i="2"/>
  <c r="BB175" i="2"/>
  <c r="BA175" i="2"/>
  <c r="AZ175" i="2"/>
  <c r="AY175" i="2"/>
  <c r="AX175" i="2"/>
  <c r="AW175" i="2"/>
  <c r="AV175" i="2"/>
  <c r="AU175" i="2"/>
  <c r="AT175" i="2"/>
  <c r="AS175" i="2"/>
  <c r="AR175" i="2"/>
  <c r="AQ175" i="2"/>
  <c r="AP175" i="2"/>
  <c r="AO175" i="2"/>
  <c r="AN175" i="2"/>
  <c r="AM175" i="2"/>
  <c r="AL175" i="2"/>
  <c r="AK175" i="2"/>
  <c r="AJ175" i="2"/>
  <c r="AI175" i="2"/>
  <c r="AH175" i="2"/>
  <c r="AG175" i="2"/>
  <c r="AF175" i="2"/>
  <c r="AE175" i="2"/>
  <c r="AD175" i="2"/>
  <c r="AC175" i="2"/>
  <c r="AB175" i="2"/>
  <c r="AA175" i="2"/>
  <c r="Z175" i="2"/>
  <c r="Y175" i="2"/>
  <c r="X175" i="2"/>
  <c r="W175" i="2"/>
  <c r="V175" i="2"/>
  <c r="U175" i="2"/>
  <c r="T175" i="2"/>
  <c r="S175" i="2"/>
  <c r="R175" i="2"/>
  <c r="Q175" i="2"/>
  <c r="P175" i="2"/>
  <c r="O175" i="2"/>
  <c r="N175" i="2"/>
  <c r="M175" i="2"/>
  <c r="L175" i="2"/>
  <c r="K175" i="2"/>
  <c r="J175" i="2"/>
  <c r="I175" i="2"/>
  <c r="H175" i="2"/>
  <c r="G175" i="2"/>
  <c r="F175" i="2"/>
  <c r="E175" i="2"/>
  <c r="D175" i="2"/>
  <c r="BQ174" i="2"/>
  <c r="BP174" i="2"/>
  <c r="BO174" i="2"/>
  <c r="BN174" i="2"/>
  <c r="BM174" i="2"/>
  <c r="BL174" i="2"/>
  <c r="BK174" i="2"/>
  <c r="BJ174" i="2"/>
  <c r="BI174" i="2"/>
  <c r="BH174" i="2"/>
  <c r="BG174" i="2"/>
  <c r="BF174" i="2"/>
  <c r="BE174" i="2"/>
  <c r="BD174" i="2"/>
  <c r="BC174" i="2"/>
  <c r="BB174" i="2"/>
  <c r="BA174" i="2"/>
  <c r="AZ174" i="2"/>
  <c r="AY174" i="2"/>
  <c r="AX174" i="2"/>
  <c r="AW174" i="2"/>
  <c r="AV174" i="2"/>
  <c r="AU174" i="2"/>
  <c r="AT174" i="2"/>
  <c r="AS174" i="2"/>
  <c r="AR174" i="2"/>
  <c r="AQ174" i="2"/>
  <c r="AP174" i="2"/>
  <c r="AO174" i="2"/>
  <c r="AN174" i="2"/>
  <c r="AM174" i="2"/>
  <c r="AL174" i="2"/>
  <c r="AK174" i="2"/>
  <c r="AJ174" i="2"/>
  <c r="AI174" i="2"/>
  <c r="AH174" i="2"/>
  <c r="AG174" i="2"/>
  <c r="AF174" i="2"/>
  <c r="AE174" i="2"/>
  <c r="AD174" i="2"/>
  <c r="AC174" i="2"/>
  <c r="AB174" i="2"/>
  <c r="AA174" i="2"/>
  <c r="Z174" i="2"/>
  <c r="Y174" i="2"/>
  <c r="X174" i="2"/>
  <c r="W174" i="2"/>
  <c r="V174" i="2"/>
  <c r="U174" i="2"/>
  <c r="T174" i="2"/>
  <c r="S174" i="2"/>
  <c r="R174" i="2"/>
  <c r="Q174" i="2"/>
  <c r="P174" i="2"/>
  <c r="O174" i="2"/>
  <c r="N174" i="2"/>
  <c r="M174" i="2"/>
  <c r="L174" i="2"/>
  <c r="K174" i="2"/>
  <c r="J174" i="2"/>
  <c r="I174" i="2"/>
  <c r="H174" i="2"/>
  <c r="G174" i="2"/>
  <c r="F174" i="2"/>
  <c r="E174" i="2"/>
  <c r="D174" i="2"/>
  <c r="BQ173" i="2"/>
  <c r="BP173" i="2"/>
  <c r="BO173" i="2"/>
  <c r="BN173" i="2"/>
  <c r="BM173" i="2"/>
  <c r="BL173" i="2"/>
  <c r="BK173" i="2"/>
  <c r="BJ173" i="2"/>
  <c r="BI173" i="2"/>
  <c r="BH173" i="2"/>
  <c r="BG173" i="2"/>
  <c r="BF173" i="2"/>
  <c r="BE173" i="2"/>
  <c r="BD173" i="2"/>
  <c r="BC173" i="2"/>
  <c r="BB173" i="2"/>
  <c r="BA173" i="2"/>
  <c r="AZ173" i="2"/>
  <c r="AY173" i="2"/>
  <c r="AX173" i="2"/>
  <c r="AW173" i="2"/>
  <c r="AV173" i="2"/>
  <c r="AU173" i="2"/>
  <c r="AT173" i="2"/>
  <c r="AS173" i="2"/>
  <c r="AR173" i="2"/>
  <c r="AQ173" i="2"/>
  <c r="AP173" i="2"/>
  <c r="AO173" i="2"/>
  <c r="AN173" i="2"/>
  <c r="AM173" i="2"/>
  <c r="AL173" i="2"/>
  <c r="AK173" i="2"/>
  <c r="AJ173" i="2"/>
  <c r="AI173" i="2"/>
  <c r="AH173" i="2"/>
  <c r="AG173" i="2"/>
  <c r="AF173" i="2"/>
  <c r="AE173" i="2"/>
  <c r="AD173" i="2"/>
  <c r="AC173" i="2"/>
  <c r="AB173" i="2"/>
  <c r="AA173" i="2"/>
  <c r="Z173" i="2"/>
  <c r="Y173" i="2"/>
  <c r="X173" i="2"/>
  <c r="W173" i="2"/>
  <c r="V173" i="2"/>
  <c r="U173" i="2"/>
  <c r="T173" i="2"/>
  <c r="S173" i="2"/>
  <c r="R173" i="2"/>
  <c r="Q173" i="2"/>
  <c r="P173" i="2"/>
  <c r="O173" i="2"/>
  <c r="N173" i="2"/>
  <c r="M173" i="2"/>
  <c r="L173" i="2"/>
  <c r="K173" i="2"/>
  <c r="J173" i="2"/>
  <c r="I173" i="2"/>
  <c r="H173" i="2"/>
  <c r="G173" i="2"/>
  <c r="F173" i="2"/>
  <c r="E173" i="2"/>
  <c r="D173" i="2"/>
  <c r="BQ172" i="2"/>
  <c r="BP172" i="2"/>
  <c r="BO172" i="2"/>
  <c r="BN172" i="2"/>
  <c r="BM172" i="2"/>
  <c r="BL172" i="2"/>
  <c r="BK172" i="2"/>
  <c r="BJ172" i="2"/>
  <c r="BI172" i="2"/>
  <c r="BH172" i="2"/>
  <c r="BG172" i="2"/>
  <c r="BF172" i="2"/>
  <c r="BE172" i="2"/>
  <c r="BD172" i="2"/>
  <c r="BC172" i="2"/>
  <c r="BB172" i="2"/>
  <c r="BA172" i="2"/>
  <c r="AZ172" i="2"/>
  <c r="AY172" i="2"/>
  <c r="AX172" i="2"/>
  <c r="AW172" i="2"/>
  <c r="AV172" i="2"/>
  <c r="AU172" i="2"/>
  <c r="AT172" i="2"/>
  <c r="AS172" i="2"/>
  <c r="AR172" i="2"/>
  <c r="AQ172" i="2"/>
  <c r="AP172" i="2"/>
  <c r="AO172" i="2"/>
  <c r="AN172" i="2"/>
  <c r="AM172" i="2"/>
  <c r="AL172" i="2"/>
  <c r="AK172" i="2"/>
  <c r="AJ172" i="2"/>
  <c r="AI172" i="2"/>
  <c r="AH172" i="2"/>
  <c r="AG172" i="2"/>
  <c r="AF172" i="2"/>
  <c r="AE172" i="2"/>
  <c r="AD172" i="2"/>
  <c r="AC172" i="2"/>
  <c r="AB172" i="2"/>
  <c r="AA172" i="2"/>
  <c r="Z172" i="2"/>
  <c r="Y172" i="2"/>
  <c r="X172" i="2"/>
  <c r="W172" i="2"/>
  <c r="V172" i="2"/>
  <c r="U172" i="2"/>
  <c r="T172" i="2"/>
  <c r="S172" i="2"/>
  <c r="R172" i="2"/>
  <c r="Q172" i="2"/>
  <c r="P172" i="2"/>
  <c r="O172" i="2"/>
  <c r="N172" i="2"/>
  <c r="M172" i="2"/>
  <c r="L172" i="2"/>
  <c r="K172" i="2"/>
  <c r="J172" i="2"/>
  <c r="I172" i="2"/>
  <c r="H172" i="2"/>
  <c r="G172" i="2"/>
  <c r="F172" i="2"/>
  <c r="E172" i="2"/>
  <c r="D172" i="2"/>
  <c r="BQ171" i="2"/>
  <c r="BP171" i="2"/>
  <c r="BO171" i="2"/>
  <c r="BN171" i="2"/>
  <c r="BM171" i="2"/>
  <c r="BL171" i="2"/>
  <c r="BK171" i="2"/>
  <c r="BJ171" i="2"/>
  <c r="BI171" i="2"/>
  <c r="BH171" i="2"/>
  <c r="BG171" i="2"/>
  <c r="BF171" i="2"/>
  <c r="BE171" i="2"/>
  <c r="BD171" i="2"/>
  <c r="BC171" i="2"/>
  <c r="BB171" i="2"/>
  <c r="BA171" i="2"/>
  <c r="AZ171" i="2"/>
  <c r="AY171" i="2"/>
  <c r="AX171" i="2"/>
  <c r="AW171" i="2"/>
  <c r="AV171" i="2"/>
  <c r="AU171" i="2"/>
  <c r="AT171" i="2"/>
  <c r="AS171" i="2"/>
  <c r="AR171" i="2"/>
  <c r="AQ171" i="2"/>
  <c r="AP171" i="2"/>
  <c r="AO171" i="2"/>
  <c r="AN171" i="2"/>
  <c r="AM171" i="2"/>
  <c r="AL171" i="2"/>
  <c r="AK171" i="2"/>
  <c r="AJ171" i="2"/>
  <c r="AI171" i="2"/>
  <c r="AH171" i="2"/>
  <c r="AG171" i="2"/>
  <c r="AF171" i="2"/>
  <c r="AE171" i="2"/>
  <c r="AD171" i="2"/>
  <c r="AC171" i="2"/>
  <c r="AB171" i="2"/>
  <c r="AA171" i="2"/>
  <c r="Z171" i="2"/>
  <c r="Y171" i="2"/>
  <c r="X171" i="2"/>
  <c r="W171" i="2"/>
  <c r="V171" i="2"/>
  <c r="U171" i="2"/>
  <c r="T171" i="2"/>
  <c r="S171" i="2"/>
  <c r="R171" i="2"/>
  <c r="Q171" i="2"/>
  <c r="P171" i="2"/>
  <c r="O171" i="2"/>
  <c r="N171" i="2"/>
  <c r="M171" i="2"/>
  <c r="L171" i="2"/>
  <c r="K171" i="2"/>
  <c r="J171" i="2"/>
  <c r="I171" i="2"/>
  <c r="H171" i="2"/>
  <c r="G171" i="2"/>
  <c r="F171" i="2"/>
  <c r="E171" i="2"/>
  <c r="D171" i="2"/>
  <c r="BQ170" i="2"/>
  <c r="BP170" i="2"/>
  <c r="BO170" i="2"/>
  <c r="BN170" i="2"/>
  <c r="BM170" i="2"/>
  <c r="BL170" i="2"/>
  <c r="BK170" i="2"/>
  <c r="BJ170" i="2"/>
  <c r="BI170" i="2"/>
  <c r="BH170" i="2"/>
  <c r="BG170" i="2"/>
  <c r="BF170" i="2"/>
  <c r="BE170" i="2"/>
  <c r="BD170" i="2"/>
  <c r="BC170" i="2"/>
  <c r="BB170" i="2"/>
  <c r="BA170" i="2"/>
  <c r="AZ170" i="2"/>
  <c r="AY170" i="2"/>
  <c r="AX170" i="2"/>
  <c r="AW170" i="2"/>
  <c r="AV170" i="2"/>
  <c r="AU170" i="2"/>
  <c r="AT170" i="2"/>
  <c r="AS170" i="2"/>
  <c r="AR170" i="2"/>
  <c r="AQ170" i="2"/>
  <c r="AP170" i="2"/>
  <c r="AO170" i="2"/>
  <c r="AN170" i="2"/>
  <c r="AM170" i="2"/>
  <c r="AL170" i="2"/>
  <c r="AK170" i="2"/>
  <c r="AJ170" i="2"/>
  <c r="AI170" i="2"/>
  <c r="AH170" i="2"/>
  <c r="AG170" i="2"/>
  <c r="AF170" i="2"/>
  <c r="AE170" i="2"/>
  <c r="AD170" i="2"/>
  <c r="AC170" i="2"/>
  <c r="AB170" i="2"/>
  <c r="AA170" i="2"/>
  <c r="Z170" i="2"/>
  <c r="Y170" i="2"/>
  <c r="X170" i="2"/>
  <c r="W170" i="2"/>
  <c r="V170" i="2"/>
  <c r="U170" i="2"/>
  <c r="T170" i="2"/>
  <c r="S170" i="2"/>
  <c r="R170" i="2"/>
  <c r="Q170" i="2"/>
  <c r="P170" i="2"/>
  <c r="O170" i="2"/>
  <c r="N170" i="2"/>
  <c r="M170" i="2"/>
  <c r="L170" i="2"/>
  <c r="K170" i="2"/>
  <c r="J170" i="2"/>
  <c r="I170" i="2"/>
  <c r="H170" i="2"/>
  <c r="G170" i="2"/>
  <c r="F170" i="2"/>
  <c r="E170" i="2"/>
  <c r="D170" i="2"/>
  <c r="BQ169" i="2"/>
  <c r="BP169" i="2"/>
  <c r="BO169" i="2"/>
  <c r="BN169" i="2"/>
  <c r="BM169" i="2"/>
  <c r="BL169" i="2"/>
  <c r="BK169" i="2"/>
  <c r="BJ169" i="2"/>
  <c r="BI169" i="2"/>
  <c r="BH169" i="2"/>
  <c r="BG169" i="2"/>
  <c r="BF169" i="2"/>
  <c r="BE169" i="2"/>
  <c r="BD169" i="2"/>
  <c r="BC169" i="2"/>
  <c r="BB169" i="2"/>
  <c r="BA169" i="2"/>
  <c r="AZ169" i="2"/>
  <c r="AY169" i="2"/>
  <c r="AX169" i="2"/>
  <c r="AW169" i="2"/>
  <c r="AV169" i="2"/>
  <c r="AU169" i="2"/>
  <c r="AT169" i="2"/>
  <c r="AS169" i="2"/>
  <c r="AR169" i="2"/>
  <c r="AQ169" i="2"/>
  <c r="AP169" i="2"/>
  <c r="AO169" i="2"/>
  <c r="AN169" i="2"/>
  <c r="AM169" i="2"/>
  <c r="AL169" i="2"/>
  <c r="AK169" i="2"/>
  <c r="AJ169" i="2"/>
  <c r="AI169" i="2"/>
  <c r="AH169" i="2"/>
  <c r="AG169" i="2"/>
  <c r="AF169" i="2"/>
  <c r="AE169" i="2"/>
  <c r="AD169" i="2"/>
  <c r="AC169" i="2"/>
  <c r="AB169" i="2"/>
  <c r="AA169" i="2"/>
  <c r="Z169" i="2"/>
  <c r="Y169" i="2"/>
  <c r="X169" i="2"/>
  <c r="W169" i="2"/>
  <c r="V169" i="2"/>
  <c r="U169" i="2"/>
  <c r="T169" i="2"/>
  <c r="S169" i="2"/>
  <c r="R169" i="2"/>
  <c r="Q169" i="2"/>
  <c r="P169" i="2"/>
  <c r="O169" i="2"/>
  <c r="N169" i="2"/>
  <c r="M169" i="2"/>
  <c r="L169" i="2"/>
  <c r="K169" i="2"/>
  <c r="J169" i="2"/>
  <c r="I169" i="2"/>
  <c r="H169" i="2"/>
  <c r="G169" i="2"/>
  <c r="F169" i="2"/>
  <c r="E169" i="2"/>
  <c r="D169" i="2"/>
  <c r="BQ168" i="2"/>
  <c r="BP168" i="2"/>
  <c r="BO168" i="2"/>
  <c r="BN168" i="2"/>
  <c r="BM168" i="2"/>
  <c r="BL168" i="2"/>
  <c r="BK168" i="2"/>
  <c r="BJ168" i="2"/>
  <c r="BI168" i="2"/>
  <c r="BH168" i="2"/>
  <c r="BG168" i="2"/>
  <c r="BF168" i="2"/>
  <c r="BE168" i="2"/>
  <c r="BD168" i="2"/>
  <c r="BC168" i="2"/>
  <c r="BB168" i="2"/>
  <c r="BA168" i="2"/>
  <c r="AZ168" i="2"/>
  <c r="AY168" i="2"/>
  <c r="AX168" i="2"/>
  <c r="AW168" i="2"/>
  <c r="AV168" i="2"/>
  <c r="AU168" i="2"/>
  <c r="AT168" i="2"/>
  <c r="AS168" i="2"/>
  <c r="AR168" i="2"/>
  <c r="AQ168" i="2"/>
  <c r="AP168" i="2"/>
  <c r="AO168" i="2"/>
  <c r="AN168" i="2"/>
  <c r="AM168" i="2"/>
  <c r="AL168" i="2"/>
  <c r="AK168" i="2"/>
  <c r="AJ168" i="2"/>
  <c r="AI168" i="2"/>
  <c r="AH168" i="2"/>
  <c r="AG168" i="2"/>
  <c r="AF168" i="2"/>
  <c r="AE168" i="2"/>
  <c r="AD168" i="2"/>
  <c r="AC168" i="2"/>
  <c r="AB168" i="2"/>
  <c r="AA168" i="2"/>
  <c r="Z168" i="2"/>
  <c r="Y168" i="2"/>
  <c r="X168" i="2"/>
  <c r="W168" i="2"/>
  <c r="V168" i="2"/>
  <c r="U168" i="2"/>
  <c r="T168" i="2"/>
  <c r="S168" i="2"/>
  <c r="R168" i="2"/>
  <c r="Q168" i="2"/>
  <c r="P168" i="2"/>
  <c r="O168" i="2"/>
  <c r="N168" i="2"/>
  <c r="M168" i="2"/>
  <c r="L168" i="2"/>
  <c r="K168" i="2"/>
  <c r="J168" i="2"/>
  <c r="I168" i="2"/>
  <c r="H168" i="2"/>
  <c r="G168" i="2"/>
  <c r="F168" i="2"/>
  <c r="E168" i="2"/>
  <c r="D168" i="2"/>
  <c r="BQ167" i="2"/>
  <c r="BP167" i="2"/>
  <c r="BO167" i="2"/>
  <c r="BN167" i="2"/>
  <c r="BM167" i="2"/>
  <c r="BL167" i="2"/>
  <c r="BK167" i="2"/>
  <c r="BJ167" i="2"/>
  <c r="BI167" i="2"/>
  <c r="BH167" i="2"/>
  <c r="BG167" i="2"/>
  <c r="BF167" i="2"/>
  <c r="BE167" i="2"/>
  <c r="BD167" i="2"/>
  <c r="BC167" i="2"/>
  <c r="BB167" i="2"/>
  <c r="BA167" i="2"/>
  <c r="AZ167" i="2"/>
  <c r="AY167" i="2"/>
  <c r="AX167" i="2"/>
  <c r="AW167" i="2"/>
  <c r="AV167" i="2"/>
  <c r="AU167" i="2"/>
  <c r="AT167" i="2"/>
  <c r="AS167" i="2"/>
  <c r="AR167" i="2"/>
  <c r="AQ167" i="2"/>
  <c r="AP167" i="2"/>
  <c r="AO167" i="2"/>
  <c r="AN167" i="2"/>
  <c r="AM167" i="2"/>
  <c r="AL167" i="2"/>
  <c r="AK167" i="2"/>
  <c r="AJ167" i="2"/>
  <c r="AI167" i="2"/>
  <c r="AH167" i="2"/>
  <c r="AG167" i="2"/>
  <c r="AF167" i="2"/>
  <c r="AE167" i="2"/>
  <c r="AD167" i="2"/>
  <c r="AC167" i="2"/>
  <c r="AB167" i="2"/>
  <c r="AA167" i="2"/>
  <c r="Z167" i="2"/>
  <c r="Y167" i="2"/>
  <c r="X167" i="2"/>
  <c r="W167" i="2"/>
  <c r="V167" i="2"/>
  <c r="U167" i="2"/>
  <c r="T167" i="2"/>
  <c r="S167" i="2"/>
  <c r="R167" i="2"/>
  <c r="Q167" i="2"/>
  <c r="P167" i="2"/>
  <c r="O167" i="2"/>
  <c r="N167" i="2"/>
  <c r="M167" i="2"/>
  <c r="L167" i="2"/>
  <c r="K167" i="2"/>
  <c r="J167" i="2"/>
  <c r="I167" i="2"/>
  <c r="H167" i="2"/>
  <c r="G167" i="2"/>
  <c r="F167" i="2"/>
  <c r="E167" i="2"/>
  <c r="D167" i="2"/>
  <c r="BQ166" i="2"/>
  <c r="BP166" i="2"/>
  <c r="BO166" i="2"/>
  <c r="BN166" i="2"/>
  <c r="BM166" i="2"/>
  <c r="BL166" i="2"/>
  <c r="BK166" i="2"/>
  <c r="BJ166" i="2"/>
  <c r="BI166" i="2"/>
  <c r="BH166" i="2"/>
  <c r="BG166" i="2"/>
  <c r="BF166" i="2"/>
  <c r="BE166" i="2"/>
  <c r="BD166" i="2"/>
  <c r="BC166" i="2"/>
  <c r="BB166" i="2"/>
  <c r="BA166" i="2"/>
  <c r="AZ166" i="2"/>
  <c r="AY166" i="2"/>
  <c r="AX166" i="2"/>
  <c r="AW166" i="2"/>
  <c r="AV166" i="2"/>
  <c r="AU166" i="2"/>
  <c r="AT166" i="2"/>
  <c r="AS166" i="2"/>
  <c r="AR166" i="2"/>
  <c r="AQ166" i="2"/>
  <c r="AP166" i="2"/>
  <c r="AO166" i="2"/>
  <c r="AN166" i="2"/>
  <c r="AM166" i="2"/>
  <c r="AL166" i="2"/>
  <c r="AK166" i="2"/>
  <c r="AJ166" i="2"/>
  <c r="AI166" i="2"/>
  <c r="AH166" i="2"/>
  <c r="AG166" i="2"/>
  <c r="AF166" i="2"/>
  <c r="AE166" i="2"/>
  <c r="AD166" i="2"/>
  <c r="AC166" i="2"/>
  <c r="AB166" i="2"/>
  <c r="AA166" i="2"/>
  <c r="Z166" i="2"/>
  <c r="Y166" i="2"/>
  <c r="X166" i="2"/>
  <c r="W166" i="2"/>
  <c r="V166" i="2"/>
  <c r="U166" i="2"/>
  <c r="T166" i="2"/>
  <c r="S166" i="2"/>
  <c r="R166" i="2"/>
  <c r="Q166" i="2"/>
  <c r="P166" i="2"/>
  <c r="O166" i="2"/>
  <c r="N166" i="2"/>
  <c r="M166" i="2"/>
  <c r="L166" i="2"/>
  <c r="K166" i="2"/>
  <c r="J166" i="2"/>
  <c r="I166" i="2"/>
  <c r="H166" i="2"/>
  <c r="G166" i="2"/>
  <c r="F166" i="2"/>
  <c r="E166" i="2"/>
  <c r="D166" i="2"/>
  <c r="BQ165" i="2"/>
  <c r="BP165" i="2"/>
  <c r="BO165" i="2"/>
  <c r="BN165" i="2"/>
  <c r="BM165" i="2"/>
  <c r="BL165" i="2"/>
  <c r="BK165" i="2"/>
  <c r="BJ165" i="2"/>
  <c r="BI165" i="2"/>
  <c r="BH165" i="2"/>
  <c r="BG165" i="2"/>
  <c r="BF165" i="2"/>
  <c r="BE165" i="2"/>
  <c r="BD165" i="2"/>
  <c r="BC165" i="2"/>
  <c r="BB165" i="2"/>
  <c r="BA165" i="2"/>
  <c r="AZ165" i="2"/>
  <c r="AY165" i="2"/>
  <c r="AX165" i="2"/>
  <c r="AW165" i="2"/>
  <c r="AV165" i="2"/>
  <c r="AU165" i="2"/>
  <c r="AT165" i="2"/>
  <c r="AS165" i="2"/>
  <c r="AR165" i="2"/>
  <c r="AQ165" i="2"/>
  <c r="AP165" i="2"/>
  <c r="AO165" i="2"/>
  <c r="AN165" i="2"/>
  <c r="AM165" i="2"/>
  <c r="AL165" i="2"/>
  <c r="AK165" i="2"/>
  <c r="AJ165" i="2"/>
  <c r="AI165" i="2"/>
  <c r="AH165" i="2"/>
  <c r="AG165" i="2"/>
  <c r="AF165" i="2"/>
  <c r="AE165" i="2"/>
  <c r="AD165" i="2"/>
  <c r="AC165" i="2"/>
  <c r="AB165" i="2"/>
  <c r="AA165" i="2"/>
  <c r="Z165" i="2"/>
  <c r="Y165" i="2"/>
  <c r="X165" i="2"/>
  <c r="W165" i="2"/>
  <c r="V165" i="2"/>
  <c r="U165" i="2"/>
  <c r="T165" i="2"/>
  <c r="S165" i="2"/>
  <c r="R165" i="2"/>
  <c r="Q165" i="2"/>
  <c r="P165" i="2"/>
  <c r="O165" i="2"/>
  <c r="N165" i="2"/>
  <c r="M165" i="2"/>
  <c r="L165" i="2"/>
  <c r="K165" i="2"/>
  <c r="J165" i="2"/>
  <c r="I165" i="2"/>
  <c r="H165" i="2"/>
  <c r="G165" i="2"/>
  <c r="F165" i="2"/>
  <c r="E165" i="2"/>
  <c r="D165" i="2"/>
  <c r="BQ164" i="2"/>
  <c r="BP164" i="2"/>
  <c r="BO164" i="2"/>
  <c r="BN164" i="2"/>
  <c r="BM164" i="2"/>
  <c r="BL164" i="2"/>
  <c r="BK164" i="2"/>
  <c r="BJ164" i="2"/>
  <c r="BI164" i="2"/>
  <c r="BH164" i="2"/>
  <c r="BG164" i="2"/>
  <c r="BF164" i="2"/>
  <c r="BE164" i="2"/>
  <c r="BD164" i="2"/>
  <c r="BC164" i="2"/>
  <c r="BB164" i="2"/>
  <c r="BA164" i="2"/>
  <c r="AZ164" i="2"/>
  <c r="AY164" i="2"/>
  <c r="AX164" i="2"/>
  <c r="AW164" i="2"/>
  <c r="AV164" i="2"/>
  <c r="AU164" i="2"/>
  <c r="AT164" i="2"/>
  <c r="AS164" i="2"/>
  <c r="AR164" i="2"/>
  <c r="AQ164" i="2"/>
  <c r="AP164" i="2"/>
  <c r="AO164" i="2"/>
  <c r="AN164" i="2"/>
  <c r="AM164" i="2"/>
  <c r="AL164" i="2"/>
  <c r="AK164" i="2"/>
  <c r="AJ164" i="2"/>
  <c r="AI164" i="2"/>
  <c r="AH164" i="2"/>
  <c r="AG164" i="2"/>
  <c r="AF164" i="2"/>
  <c r="AE164" i="2"/>
  <c r="AD164" i="2"/>
  <c r="AC164" i="2"/>
  <c r="AB164" i="2"/>
  <c r="AA164" i="2"/>
  <c r="Z164" i="2"/>
  <c r="Y164" i="2"/>
  <c r="X164" i="2"/>
  <c r="W164" i="2"/>
  <c r="V164" i="2"/>
  <c r="U164" i="2"/>
  <c r="T164" i="2"/>
  <c r="S164" i="2"/>
  <c r="R164" i="2"/>
  <c r="Q164" i="2"/>
  <c r="P164" i="2"/>
  <c r="O164" i="2"/>
  <c r="N164" i="2"/>
  <c r="M164" i="2"/>
  <c r="L164" i="2"/>
  <c r="K164" i="2"/>
  <c r="J164" i="2"/>
  <c r="I164" i="2"/>
  <c r="H164" i="2"/>
  <c r="G164" i="2"/>
  <c r="F164" i="2"/>
  <c r="E164" i="2"/>
  <c r="D164" i="2"/>
  <c r="BQ163" i="2"/>
  <c r="BP163" i="2"/>
  <c r="BO163" i="2"/>
  <c r="BN163" i="2"/>
  <c r="BM163" i="2"/>
  <c r="BL163" i="2"/>
  <c r="BK163" i="2"/>
  <c r="BJ163" i="2"/>
  <c r="BI163" i="2"/>
  <c r="BH163" i="2"/>
  <c r="BG163" i="2"/>
  <c r="BF163" i="2"/>
  <c r="BE163" i="2"/>
  <c r="BD163" i="2"/>
  <c r="BC163" i="2"/>
  <c r="BB163" i="2"/>
  <c r="BA163" i="2"/>
  <c r="AZ163" i="2"/>
  <c r="AY163" i="2"/>
  <c r="AX163" i="2"/>
  <c r="AW163" i="2"/>
  <c r="AV163" i="2"/>
  <c r="AU163" i="2"/>
  <c r="AT163" i="2"/>
  <c r="AS163" i="2"/>
  <c r="AR163" i="2"/>
  <c r="AQ163" i="2"/>
  <c r="AP163" i="2"/>
  <c r="AO163" i="2"/>
  <c r="AN163" i="2"/>
  <c r="AM163" i="2"/>
  <c r="AL163" i="2"/>
  <c r="AK163" i="2"/>
  <c r="AJ163" i="2"/>
  <c r="AI163" i="2"/>
  <c r="AH163" i="2"/>
  <c r="AG163" i="2"/>
  <c r="AF163" i="2"/>
  <c r="AE163" i="2"/>
  <c r="AD163" i="2"/>
  <c r="AC163" i="2"/>
  <c r="AB163" i="2"/>
  <c r="AA163" i="2"/>
  <c r="Z163" i="2"/>
  <c r="Y163" i="2"/>
  <c r="X163" i="2"/>
  <c r="W163" i="2"/>
  <c r="V163" i="2"/>
  <c r="U163" i="2"/>
  <c r="T163" i="2"/>
  <c r="S163" i="2"/>
  <c r="R163" i="2"/>
  <c r="Q163" i="2"/>
  <c r="P163" i="2"/>
  <c r="O163" i="2"/>
  <c r="N163" i="2"/>
  <c r="M163" i="2"/>
  <c r="L163" i="2"/>
  <c r="K163" i="2"/>
  <c r="J163" i="2"/>
  <c r="I163" i="2"/>
  <c r="H163" i="2"/>
  <c r="G163" i="2"/>
  <c r="F163" i="2"/>
  <c r="E163" i="2"/>
  <c r="D163" i="2"/>
  <c r="BQ162" i="2"/>
  <c r="BP162" i="2"/>
  <c r="BO162" i="2"/>
  <c r="BN162" i="2"/>
  <c r="BM162" i="2"/>
  <c r="BL162" i="2"/>
  <c r="BK162" i="2"/>
  <c r="BJ162" i="2"/>
  <c r="BI162" i="2"/>
  <c r="BH162" i="2"/>
  <c r="BG162" i="2"/>
  <c r="BF162" i="2"/>
  <c r="BE162" i="2"/>
  <c r="BD162" i="2"/>
  <c r="BC162" i="2"/>
  <c r="BB162" i="2"/>
  <c r="BA162" i="2"/>
  <c r="AZ162" i="2"/>
  <c r="AY162" i="2"/>
  <c r="AX162" i="2"/>
  <c r="AW162" i="2"/>
  <c r="AV162" i="2"/>
  <c r="AU162" i="2"/>
  <c r="AT162" i="2"/>
  <c r="AS162" i="2"/>
  <c r="AR162" i="2"/>
  <c r="AQ162" i="2"/>
  <c r="AP162" i="2"/>
  <c r="AO162" i="2"/>
  <c r="AN162" i="2"/>
  <c r="AM162" i="2"/>
  <c r="AL162" i="2"/>
  <c r="AK162" i="2"/>
  <c r="AJ162" i="2"/>
  <c r="AI162" i="2"/>
  <c r="AH162" i="2"/>
  <c r="AG162" i="2"/>
  <c r="AF162" i="2"/>
  <c r="AE162" i="2"/>
  <c r="AD162" i="2"/>
  <c r="AC162" i="2"/>
  <c r="AB162" i="2"/>
  <c r="AA162" i="2"/>
  <c r="Z162" i="2"/>
  <c r="Y162" i="2"/>
  <c r="X162" i="2"/>
  <c r="W162" i="2"/>
  <c r="V162" i="2"/>
  <c r="U162" i="2"/>
  <c r="T162" i="2"/>
  <c r="S162" i="2"/>
  <c r="R162" i="2"/>
  <c r="Q162" i="2"/>
  <c r="P162" i="2"/>
  <c r="O162" i="2"/>
  <c r="N162" i="2"/>
  <c r="M162" i="2"/>
  <c r="L162" i="2"/>
  <c r="K162" i="2"/>
  <c r="J162" i="2"/>
  <c r="I162" i="2"/>
  <c r="H162" i="2"/>
  <c r="G162" i="2"/>
  <c r="F162" i="2"/>
  <c r="E162" i="2"/>
  <c r="D162" i="2"/>
  <c r="BQ161" i="2"/>
  <c r="BP161" i="2"/>
  <c r="BO161" i="2"/>
  <c r="BN161" i="2"/>
  <c r="BM161" i="2"/>
  <c r="BL161" i="2"/>
  <c r="BK161" i="2"/>
  <c r="BJ161" i="2"/>
  <c r="BI161" i="2"/>
  <c r="BH161" i="2"/>
  <c r="BG161" i="2"/>
  <c r="BF161" i="2"/>
  <c r="BE161" i="2"/>
  <c r="BD161" i="2"/>
  <c r="BC161" i="2"/>
  <c r="BB161" i="2"/>
  <c r="BA161" i="2"/>
  <c r="AZ161" i="2"/>
  <c r="AY161" i="2"/>
  <c r="AX161" i="2"/>
  <c r="AW161" i="2"/>
  <c r="AV161" i="2"/>
  <c r="AU161" i="2"/>
  <c r="AT161" i="2"/>
  <c r="AS161" i="2"/>
  <c r="AR161" i="2"/>
  <c r="AQ161" i="2"/>
  <c r="AP161" i="2"/>
  <c r="AO161" i="2"/>
  <c r="AN161" i="2"/>
  <c r="AM161" i="2"/>
  <c r="AL161" i="2"/>
  <c r="AK161" i="2"/>
  <c r="AJ161" i="2"/>
  <c r="AI161" i="2"/>
  <c r="AH161" i="2"/>
  <c r="AG161" i="2"/>
  <c r="AF161" i="2"/>
  <c r="AE161" i="2"/>
  <c r="AD161" i="2"/>
  <c r="AC161" i="2"/>
  <c r="AB161" i="2"/>
  <c r="AA161" i="2"/>
  <c r="Z161" i="2"/>
  <c r="Y161" i="2"/>
  <c r="X161" i="2"/>
  <c r="W161" i="2"/>
  <c r="V161" i="2"/>
  <c r="U161" i="2"/>
  <c r="T161" i="2"/>
  <c r="S161" i="2"/>
  <c r="R161" i="2"/>
  <c r="Q161" i="2"/>
  <c r="P161" i="2"/>
  <c r="O161" i="2"/>
  <c r="N161" i="2"/>
  <c r="M161" i="2"/>
  <c r="L161" i="2"/>
  <c r="K161" i="2"/>
  <c r="J161" i="2"/>
  <c r="I161" i="2"/>
  <c r="H161" i="2"/>
  <c r="G161" i="2"/>
  <c r="F161" i="2"/>
  <c r="E161" i="2"/>
  <c r="D161" i="2"/>
  <c r="BQ160" i="2"/>
  <c r="BP160" i="2"/>
  <c r="BO160" i="2"/>
  <c r="BN160" i="2"/>
  <c r="BM160" i="2"/>
  <c r="BL160" i="2"/>
  <c r="BK160" i="2"/>
  <c r="BJ160" i="2"/>
  <c r="BI160" i="2"/>
  <c r="BH160" i="2"/>
  <c r="BG160" i="2"/>
  <c r="BF160" i="2"/>
  <c r="BE160" i="2"/>
  <c r="BD160" i="2"/>
  <c r="BC160" i="2"/>
  <c r="BB160" i="2"/>
  <c r="BA160" i="2"/>
  <c r="AZ160" i="2"/>
  <c r="AY160" i="2"/>
  <c r="AX160" i="2"/>
  <c r="AW160" i="2"/>
  <c r="AV160" i="2"/>
  <c r="AU160" i="2"/>
  <c r="AT160" i="2"/>
  <c r="AS160" i="2"/>
  <c r="AR160" i="2"/>
  <c r="AQ160" i="2"/>
  <c r="AP160" i="2"/>
  <c r="AO160" i="2"/>
  <c r="AN160" i="2"/>
  <c r="AM160" i="2"/>
  <c r="AL160" i="2"/>
  <c r="AK160" i="2"/>
  <c r="AJ160" i="2"/>
  <c r="AI160" i="2"/>
  <c r="AH160" i="2"/>
  <c r="AG160" i="2"/>
  <c r="AF160" i="2"/>
  <c r="AE160" i="2"/>
  <c r="AD160" i="2"/>
  <c r="AC160" i="2"/>
  <c r="AB160" i="2"/>
  <c r="AA160" i="2"/>
  <c r="Z160" i="2"/>
  <c r="Y160" i="2"/>
  <c r="X160" i="2"/>
  <c r="W160" i="2"/>
  <c r="V160" i="2"/>
  <c r="U160" i="2"/>
  <c r="T160" i="2"/>
  <c r="S160" i="2"/>
  <c r="R160" i="2"/>
  <c r="Q160" i="2"/>
  <c r="P160" i="2"/>
  <c r="O160" i="2"/>
  <c r="N160" i="2"/>
  <c r="M160" i="2"/>
  <c r="L160" i="2"/>
  <c r="K160" i="2"/>
  <c r="J160" i="2"/>
  <c r="I160" i="2"/>
  <c r="H160" i="2"/>
  <c r="G160" i="2"/>
  <c r="F160" i="2"/>
  <c r="E160" i="2"/>
  <c r="D160" i="2"/>
  <c r="BQ159" i="2"/>
  <c r="BP159" i="2"/>
  <c r="BO159" i="2"/>
  <c r="BN159" i="2"/>
  <c r="BM159" i="2"/>
  <c r="BL159" i="2"/>
  <c r="BK159" i="2"/>
  <c r="BJ159" i="2"/>
  <c r="BI159" i="2"/>
  <c r="BH159" i="2"/>
  <c r="BG159" i="2"/>
  <c r="BF159" i="2"/>
  <c r="BE159" i="2"/>
  <c r="BD159" i="2"/>
  <c r="BC159" i="2"/>
  <c r="BB159" i="2"/>
  <c r="BA159" i="2"/>
  <c r="AZ159" i="2"/>
  <c r="AY159" i="2"/>
  <c r="AX159" i="2"/>
  <c r="AW159" i="2"/>
  <c r="AV159" i="2"/>
  <c r="AU159" i="2"/>
  <c r="AT159" i="2"/>
  <c r="AS159" i="2"/>
  <c r="AR159" i="2"/>
  <c r="AQ159" i="2"/>
  <c r="AP159" i="2"/>
  <c r="AO159" i="2"/>
  <c r="AN159" i="2"/>
  <c r="AM159" i="2"/>
  <c r="AL159" i="2"/>
  <c r="AK159" i="2"/>
  <c r="AJ159" i="2"/>
  <c r="AI159" i="2"/>
  <c r="AH159" i="2"/>
  <c r="AG159" i="2"/>
  <c r="AF159" i="2"/>
  <c r="AE159" i="2"/>
  <c r="AD159" i="2"/>
  <c r="AC159" i="2"/>
  <c r="AB159" i="2"/>
  <c r="AA159" i="2"/>
  <c r="Z159" i="2"/>
  <c r="Y159" i="2"/>
  <c r="X159" i="2"/>
  <c r="W159" i="2"/>
  <c r="V159" i="2"/>
  <c r="U159" i="2"/>
  <c r="T159" i="2"/>
  <c r="S159" i="2"/>
  <c r="R159" i="2"/>
  <c r="Q159" i="2"/>
  <c r="P159" i="2"/>
  <c r="O159" i="2"/>
  <c r="N159" i="2"/>
  <c r="M159" i="2"/>
  <c r="L159" i="2"/>
  <c r="K159" i="2"/>
  <c r="J159" i="2"/>
  <c r="I159" i="2"/>
  <c r="H159" i="2"/>
  <c r="G159" i="2"/>
  <c r="F159" i="2"/>
  <c r="E159" i="2"/>
  <c r="D159" i="2"/>
  <c r="BQ158" i="2"/>
  <c r="BP158" i="2"/>
  <c r="BO158" i="2"/>
  <c r="BN158" i="2"/>
  <c r="BM158" i="2"/>
  <c r="BL158" i="2"/>
  <c r="BK158" i="2"/>
  <c r="BJ158" i="2"/>
  <c r="BI158" i="2"/>
  <c r="BH158" i="2"/>
  <c r="BG158" i="2"/>
  <c r="BF158" i="2"/>
  <c r="BE158" i="2"/>
  <c r="BD158" i="2"/>
  <c r="BC158" i="2"/>
  <c r="BB158" i="2"/>
  <c r="BA158" i="2"/>
  <c r="AZ158" i="2"/>
  <c r="AY158" i="2"/>
  <c r="AX158" i="2"/>
  <c r="AW158" i="2"/>
  <c r="AV158" i="2"/>
  <c r="AU158" i="2"/>
  <c r="AT158" i="2"/>
  <c r="AS158" i="2"/>
  <c r="AR158" i="2"/>
  <c r="AQ158" i="2"/>
  <c r="AP158" i="2"/>
  <c r="AO158" i="2"/>
  <c r="AN158" i="2"/>
  <c r="AM158" i="2"/>
  <c r="AL158" i="2"/>
  <c r="AK158" i="2"/>
  <c r="AJ158" i="2"/>
  <c r="AI158" i="2"/>
  <c r="AH158" i="2"/>
  <c r="AG158" i="2"/>
  <c r="AF158" i="2"/>
  <c r="AE158" i="2"/>
  <c r="AD158" i="2"/>
  <c r="AC158" i="2"/>
  <c r="AB158" i="2"/>
  <c r="AA158" i="2"/>
  <c r="Z158" i="2"/>
  <c r="Y158" i="2"/>
  <c r="X158" i="2"/>
  <c r="W158" i="2"/>
  <c r="V158" i="2"/>
  <c r="U158" i="2"/>
  <c r="T158" i="2"/>
  <c r="S158" i="2"/>
  <c r="R158" i="2"/>
  <c r="Q158" i="2"/>
  <c r="P158" i="2"/>
  <c r="O158" i="2"/>
  <c r="N158" i="2"/>
  <c r="M158" i="2"/>
  <c r="L158" i="2"/>
  <c r="K158" i="2"/>
  <c r="J158" i="2"/>
  <c r="I158" i="2"/>
  <c r="H158" i="2"/>
  <c r="G158" i="2"/>
  <c r="F158" i="2"/>
  <c r="E158" i="2"/>
  <c r="D158" i="2"/>
  <c r="BQ157" i="2"/>
  <c r="BP157" i="2"/>
  <c r="BO157" i="2"/>
  <c r="BN157" i="2"/>
  <c r="BM157" i="2"/>
  <c r="BL157" i="2"/>
  <c r="BK157" i="2"/>
  <c r="BJ157" i="2"/>
  <c r="BI157" i="2"/>
  <c r="BH157" i="2"/>
  <c r="BG157" i="2"/>
  <c r="BF157" i="2"/>
  <c r="BE157" i="2"/>
  <c r="BD157" i="2"/>
  <c r="BC157" i="2"/>
  <c r="BB157" i="2"/>
  <c r="BA157" i="2"/>
  <c r="AZ157" i="2"/>
  <c r="AY157" i="2"/>
  <c r="AX157" i="2"/>
  <c r="AW157" i="2"/>
  <c r="AV157" i="2"/>
  <c r="AU157" i="2"/>
  <c r="AT157" i="2"/>
  <c r="AS157" i="2"/>
  <c r="AR157" i="2"/>
  <c r="AQ157" i="2"/>
  <c r="AP157" i="2"/>
  <c r="AO157" i="2"/>
  <c r="AN157" i="2"/>
  <c r="AM157" i="2"/>
  <c r="AL157" i="2"/>
  <c r="AK157" i="2"/>
  <c r="AJ157" i="2"/>
  <c r="AI157" i="2"/>
  <c r="AH157" i="2"/>
  <c r="AG157" i="2"/>
  <c r="AF157" i="2"/>
  <c r="AE157" i="2"/>
  <c r="AD157" i="2"/>
  <c r="AC157" i="2"/>
  <c r="AB157" i="2"/>
  <c r="AA157" i="2"/>
  <c r="Z157" i="2"/>
  <c r="Y157" i="2"/>
  <c r="X157" i="2"/>
  <c r="W157" i="2"/>
  <c r="V157" i="2"/>
  <c r="U157" i="2"/>
  <c r="T157" i="2"/>
  <c r="S157" i="2"/>
  <c r="R157" i="2"/>
  <c r="Q157" i="2"/>
  <c r="P157" i="2"/>
  <c r="O157" i="2"/>
  <c r="N157" i="2"/>
  <c r="M157" i="2"/>
  <c r="L157" i="2"/>
  <c r="K157" i="2"/>
  <c r="J157" i="2"/>
  <c r="I157" i="2"/>
  <c r="H157" i="2"/>
  <c r="G157" i="2"/>
  <c r="F157" i="2"/>
  <c r="E157" i="2"/>
  <c r="D157" i="2"/>
  <c r="BQ156" i="2"/>
  <c r="BP156" i="2"/>
  <c r="BO156" i="2"/>
  <c r="BN156" i="2"/>
  <c r="BM156" i="2"/>
  <c r="BL156" i="2"/>
  <c r="BK156" i="2"/>
  <c r="BJ156" i="2"/>
  <c r="BI156" i="2"/>
  <c r="BH156" i="2"/>
  <c r="BG156" i="2"/>
  <c r="BF156" i="2"/>
  <c r="BE156" i="2"/>
  <c r="BD156" i="2"/>
  <c r="BC156" i="2"/>
  <c r="BB156" i="2"/>
  <c r="BA156" i="2"/>
  <c r="AZ156" i="2"/>
  <c r="AY156" i="2"/>
  <c r="AX156" i="2"/>
  <c r="AW156" i="2"/>
  <c r="AV156" i="2"/>
  <c r="AU156" i="2"/>
  <c r="AT156" i="2"/>
  <c r="AS156" i="2"/>
  <c r="AR156" i="2"/>
  <c r="AQ156" i="2"/>
  <c r="AP156" i="2"/>
  <c r="AO156" i="2"/>
  <c r="AN156" i="2"/>
  <c r="AM156" i="2"/>
  <c r="AL156" i="2"/>
  <c r="AK156" i="2"/>
  <c r="AJ156" i="2"/>
  <c r="AI156" i="2"/>
  <c r="AH156" i="2"/>
  <c r="AG156" i="2"/>
  <c r="AF156" i="2"/>
  <c r="AE156" i="2"/>
  <c r="AD156" i="2"/>
  <c r="AC156" i="2"/>
  <c r="AB156" i="2"/>
  <c r="AA156" i="2"/>
  <c r="Z156" i="2"/>
  <c r="Y156" i="2"/>
  <c r="X156" i="2"/>
  <c r="W156" i="2"/>
  <c r="V156" i="2"/>
  <c r="U156" i="2"/>
  <c r="T156" i="2"/>
  <c r="S156" i="2"/>
  <c r="R156" i="2"/>
  <c r="Q156" i="2"/>
  <c r="P156" i="2"/>
  <c r="O156" i="2"/>
  <c r="N156" i="2"/>
  <c r="M156" i="2"/>
  <c r="L156" i="2"/>
  <c r="K156" i="2"/>
  <c r="J156" i="2"/>
  <c r="I156" i="2"/>
  <c r="H156" i="2"/>
  <c r="G156" i="2"/>
  <c r="F156" i="2"/>
  <c r="E156" i="2"/>
  <c r="D156" i="2"/>
  <c r="BQ155" i="2"/>
  <c r="BP155" i="2"/>
  <c r="BO155" i="2"/>
  <c r="BN155" i="2"/>
  <c r="BM155" i="2"/>
  <c r="BL155" i="2"/>
  <c r="BK155" i="2"/>
  <c r="BJ155" i="2"/>
  <c r="BI155" i="2"/>
  <c r="BH155" i="2"/>
  <c r="BG155" i="2"/>
  <c r="BF155" i="2"/>
  <c r="BE155" i="2"/>
  <c r="BD155" i="2"/>
  <c r="BC155" i="2"/>
  <c r="BB155" i="2"/>
  <c r="BA155" i="2"/>
  <c r="AZ155" i="2"/>
  <c r="AY155" i="2"/>
  <c r="AX155" i="2"/>
  <c r="AW155" i="2"/>
  <c r="AV155" i="2"/>
  <c r="AU155" i="2"/>
  <c r="AT155" i="2"/>
  <c r="AS155" i="2"/>
  <c r="AR155" i="2"/>
  <c r="AQ155" i="2"/>
  <c r="AP155" i="2"/>
  <c r="AO155" i="2"/>
  <c r="AN155" i="2"/>
  <c r="AM155" i="2"/>
  <c r="AL155" i="2"/>
  <c r="AK155" i="2"/>
  <c r="AJ155" i="2"/>
  <c r="AI155" i="2"/>
  <c r="AH155" i="2"/>
  <c r="AG155" i="2"/>
  <c r="AF155" i="2"/>
  <c r="AE155" i="2"/>
  <c r="AD155" i="2"/>
  <c r="AC155" i="2"/>
  <c r="AB155" i="2"/>
  <c r="AA155" i="2"/>
  <c r="Z155" i="2"/>
  <c r="Y155" i="2"/>
  <c r="X155" i="2"/>
  <c r="W155" i="2"/>
  <c r="V155" i="2"/>
  <c r="U155" i="2"/>
  <c r="T155" i="2"/>
  <c r="S155" i="2"/>
  <c r="R155" i="2"/>
  <c r="Q155" i="2"/>
  <c r="P155" i="2"/>
  <c r="O155" i="2"/>
  <c r="N155" i="2"/>
  <c r="M155" i="2"/>
  <c r="L155" i="2"/>
  <c r="K155" i="2"/>
  <c r="J155" i="2"/>
  <c r="I155" i="2"/>
  <c r="H155" i="2"/>
  <c r="G155" i="2"/>
  <c r="F155" i="2"/>
  <c r="E155" i="2"/>
  <c r="D155" i="2"/>
  <c r="BQ154" i="2"/>
  <c r="BP154" i="2"/>
  <c r="BO154" i="2"/>
  <c r="BN154" i="2"/>
  <c r="BM154" i="2"/>
  <c r="BL154" i="2"/>
  <c r="BK154" i="2"/>
  <c r="BJ154" i="2"/>
  <c r="BI154" i="2"/>
  <c r="BH154" i="2"/>
  <c r="BG154" i="2"/>
  <c r="BF154" i="2"/>
  <c r="BE154" i="2"/>
  <c r="BD154" i="2"/>
  <c r="BC154" i="2"/>
  <c r="BB154" i="2"/>
  <c r="BA154" i="2"/>
  <c r="AZ154" i="2"/>
  <c r="AY154" i="2"/>
  <c r="AX154" i="2"/>
  <c r="AW154" i="2"/>
  <c r="AV154" i="2"/>
  <c r="AU154" i="2"/>
  <c r="AT154" i="2"/>
  <c r="AS154" i="2"/>
  <c r="AR154" i="2"/>
  <c r="AQ154" i="2"/>
  <c r="AP154" i="2"/>
  <c r="AO154" i="2"/>
  <c r="AN154" i="2"/>
  <c r="AM154" i="2"/>
  <c r="AL154" i="2"/>
  <c r="AK154" i="2"/>
  <c r="AJ154" i="2"/>
  <c r="AI154" i="2"/>
  <c r="AH154" i="2"/>
  <c r="AG154" i="2"/>
  <c r="AF154" i="2"/>
  <c r="AE154" i="2"/>
  <c r="AD154" i="2"/>
  <c r="AC154" i="2"/>
  <c r="AB154" i="2"/>
  <c r="AA154" i="2"/>
  <c r="Z154" i="2"/>
  <c r="Y154" i="2"/>
  <c r="X154" i="2"/>
  <c r="W154" i="2"/>
  <c r="V154" i="2"/>
  <c r="U154" i="2"/>
  <c r="T154" i="2"/>
  <c r="S154" i="2"/>
  <c r="R154" i="2"/>
  <c r="Q154" i="2"/>
  <c r="P154" i="2"/>
  <c r="O154" i="2"/>
  <c r="N154" i="2"/>
  <c r="M154" i="2"/>
  <c r="L154" i="2"/>
  <c r="K154" i="2"/>
  <c r="J154" i="2"/>
  <c r="I154" i="2"/>
  <c r="H154" i="2"/>
  <c r="G154" i="2"/>
  <c r="F154" i="2"/>
  <c r="E154" i="2"/>
  <c r="D154" i="2"/>
  <c r="BQ153" i="2"/>
  <c r="BP153" i="2"/>
  <c r="BO153" i="2"/>
  <c r="BN153" i="2"/>
  <c r="BM153" i="2"/>
  <c r="BL153" i="2"/>
  <c r="BK153" i="2"/>
  <c r="BJ153" i="2"/>
  <c r="BI153" i="2"/>
  <c r="BH153" i="2"/>
  <c r="BG153" i="2"/>
  <c r="BF153" i="2"/>
  <c r="BE153" i="2"/>
  <c r="BD153" i="2"/>
  <c r="BC153" i="2"/>
  <c r="BB153" i="2"/>
  <c r="BA153" i="2"/>
  <c r="AZ153" i="2"/>
  <c r="AY153" i="2"/>
  <c r="AX153" i="2"/>
  <c r="AW153" i="2"/>
  <c r="AV153" i="2"/>
  <c r="AU153" i="2"/>
  <c r="AT153" i="2"/>
  <c r="AS153" i="2"/>
  <c r="AR153" i="2"/>
  <c r="AQ153" i="2"/>
  <c r="AP153" i="2"/>
  <c r="AO153" i="2"/>
  <c r="AN153" i="2"/>
  <c r="AM153" i="2"/>
  <c r="AL153" i="2"/>
  <c r="AK153" i="2"/>
  <c r="AJ153" i="2"/>
  <c r="AI153" i="2"/>
  <c r="AH153" i="2"/>
  <c r="AG153" i="2"/>
  <c r="AF153" i="2"/>
  <c r="AE153" i="2"/>
  <c r="AD153" i="2"/>
  <c r="AC153" i="2"/>
  <c r="AB153" i="2"/>
  <c r="AA153" i="2"/>
  <c r="Z153" i="2"/>
  <c r="Y153" i="2"/>
  <c r="X153" i="2"/>
  <c r="W153" i="2"/>
  <c r="V153" i="2"/>
  <c r="U153" i="2"/>
  <c r="T153" i="2"/>
  <c r="S153" i="2"/>
  <c r="R153" i="2"/>
  <c r="Q153" i="2"/>
  <c r="P153" i="2"/>
  <c r="O153" i="2"/>
  <c r="N153" i="2"/>
  <c r="M153" i="2"/>
  <c r="L153" i="2"/>
  <c r="K153" i="2"/>
  <c r="J153" i="2"/>
  <c r="I153" i="2"/>
  <c r="H153" i="2"/>
  <c r="G153" i="2"/>
  <c r="F153" i="2"/>
  <c r="E153" i="2"/>
  <c r="D153" i="2"/>
  <c r="BQ152" i="2"/>
  <c r="BP152" i="2"/>
  <c r="BO152" i="2"/>
  <c r="BN152" i="2"/>
  <c r="BM152" i="2"/>
  <c r="BL152" i="2"/>
  <c r="BK152" i="2"/>
  <c r="BJ152" i="2"/>
  <c r="BI152" i="2"/>
  <c r="BH152" i="2"/>
  <c r="BG152" i="2"/>
  <c r="BF152" i="2"/>
  <c r="BE152" i="2"/>
  <c r="BD152" i="2"/>
  <c r="BC152" i="2"/>
  <c r="BB152" i="2"/>
  <c r="BA152" i="2"/>
  <c r="AZ152" i="2"/>
  <c r="AY152" i="2"/>
  <c r="AX152" i="2"/>
  <c r="AW152" i="2"/>
  <c r="AV152" i="2"/>
  <c r="AU152" i="2"/>
  <c r="AT152" i="2"/>
  <c r="AS152" i="2"/>
  <c r="AR152" i="2"/>
  <c r="AQ152" i="2"/>
  <c r="AP152" i="2"/>
  <c r="AO152" i="2"/>
  <c r="AN152" i="2"/>
  <c r="AM152" i="2"/>
  <c r="AL152" i="2"/>
  <c r="AK152" i="2"/>
  <c r="AJ152" i="2"/>
  <c r="AI152" i="2"/>
  <c r="AH152" i="2"/>
  <c r="AG152" i="2"/>
  <c r="AF152" i="2"/>
  <c r="AE152" i="2"/>
  <c r="AD152" i="2"/>
  <c r="AC152" i="2"/>
  <c r="AB152" i="2"/>
  <c r="AA152" i="2"/>
  <c r="Z152" i="2"/>
  <c r="Y152" i="2"/>
  <c r="X152" i="2"/>
  <c r="W152" i="2"/>
  <c r="V152" i="2"/>
  <c r="U152" i="2"/>
  <c r="T152" i="2"/>
  <c r="S152" i="2"/>
  <c r="R152" i="2"/>
  <c r="Q152" i="2"/>
  <c r="P152" i="2"/>
  <c r="O152" i="2"/>
  <c r="N152" i="2"/>
  <c r="M152" i="2"/>
  <c r="L152" i="2"/>
  <c r="K152" i="2"/>
  <c r="J152" i="2"/>
  <c r="I152" i="2"/>
  <c r="H152" i="2"/>
  <c r="G152" i="2"/>
  <c r="F152" i="2"/>
  <c r="E152" i="2"/>
  <c r="D152" i="2"/>
  <c r="BQ151" i="2"/>
  <c r="BP151" i="2"/>
  <c r="BO151" i="2"/>
  <c r="BN151" i="2"/>
  <c r="BM151" i="2"/>
  <c r="BL151" i="2"/>
  <c r="BK151" i="2"/>
  <c r="BJ151" i="2"/>
  <c r="BI151" i="2"/>
  <c r="BH151" i="2"/>
  <c r="BG151" i="2"/>
  <c r="BF151" i="2"/>
  <c r="BE151" i="2"/>
  <c r="BD151" i="2"/>
  <c r="BC151" i="2"/>
  <c r="BB151" i="2"/>
  <c r="BA151" i="2"/>
  <c r="AZ151" i="2"/>
  <c r="AY151" i="2"/>
  <c r="AX151" i="2"/>
  <c r="AW151" i="2"/>
  <c r="AV151" i="2"/>
  <c r="AU151" i="2"/>
  <c r="AT151" i="2"/>
  <c r="AS151" i="2"/>
  <c r="AR151" i="2"/>
  <c r="AQ151" i="2"/>
  <c r="AP151" i="2"/>
  <c r="AO151" i="2"/>
  <c r="AN151" i="2"/>
  <c r="AM151" i="2"/>
  <c r="AL151" i="2"/>
  <c r="AK151" i="2"/>
  <c r="AJ151" i="2"/>
  <c r="AI151" i="2"/>
  <c r="AH151" i="2"/>
  <c r="AG151" i="2"/>
  <c r="AF151" i="2"/>
  <c r="AE151" i="2"/>
  <c r="AD151" i="2"/>
  <c r="AC151" i="2"/>
  <c r="AB151" i="2"/>
  <c r="AA151" i="2"/>
  <c r="Z151" i="2"/>
  <c r="Y151" i="2"/>
  <c r="X151" i="2"/>
  <c r="W151" i="2"/>
  <c r="V151" i="2"/>
  <c r="U151" i="2"/>
  <c r="T151" i="2"/>
  <c r="S151" i="2"/>
  <c r="R151" i="2"/>
  <c r="Q151" i="2"/>
  <c r="P151" i="2"/>
  <c r="O151" i="2"/>
  <c r="N151" i="2"/>
  <c r="M151" i="2"/>
  <c r="L151" i="2"/>
  <c r="K151" i="2"/>
  <c r="J151" i="2"/>
  <c r="I151" i="2"/>
  <c r="H151" i="2"/>
  <c r="G151" i="2"/>
  <c r="F151" i="2"/>
  <c r="E151" i="2"/>
  <c r="D151" i="2"/>
  <c r="BQ150" i="2"/>
  <c r="BP150" i="2"/>
  <c r="BO150" i="2"/>
  <c r="BN150" i="2"/>
  <c r="BM150" i="2"/>
  <c r="BL150" i="2"/>
  <c r="BK150" i="2"/>
  <c r="BJ150" i="2"/>
  <c r="BI150" i="2"/>
  <c r="BH150" i="2"/>
  <c r="BG150" i="2"/>
  <c r="BF150" i="2"/>
  <c r="BE150" i="2"/>
  <c r="BD150" i="2"/>
  <c r="BC150" i="2"/>
  <c r="BB150" i="2"/>
  <c r="BA150" i="2"/>
  <c r="AZ150" i="2"/>
  <c r="AY150" i="2"/>
  <c r="AX150" i="2"/>
  <c r="AW150" i="2"/>
  <c r="AV150" i="2"/>
  <c r="AU150" i="2"/>
  <c r="AT150" i="2"/>
  <c r="AS150" i="2"/>
  <c r="AR150" i="2"/>
  <c r="AQ150" i="2"/>
  <c r="AP150" i="2"/>
  <c r="AO150" i="2"/>
  <c r="AN150" i="2"/>
  <c r="AM150" i="2"/>
  <c r="AL150" i="2"/>
  <c r="AK150" i="2"/>
  <c r="AJ150" i="2"/>
  <c r="AI150" i="2"/>
  <c r="AH150" i="2"/>
  <c r="AG150" i="2"/>
  <c r="AF150" i="2"/>
  <c r="AE150" i="2"/>
  <c r="AD150" i="2"/>
  <c r="AC150" i="2"/>
  <c r="AB150" i="2"/>
  <c r="AA150" i="2"/>
  <c r="Z150" i="2"/>
  <c r="Y150" i="2"/>
  <c r="X150" i="2"/>
  <c r="W150" i="2"/>
  <c r="V150" i="2"/>
  <c r="U150" i="2"/>
  <c r="T150" i="2"/>
  <c r="S150" i="2"/>
  <c r="R150" i="2"/>
  <c r="Q150" i="2"/>
  <c r="P150" i="2"/>
  <c r="O150" i="2"/>
  <c r="N150" i="2"/>
  <c r="M150" i="2"/>
  <c r="L150" i="2"/>
  <c r="K150" i="2"/>
  <c r="J150" i="2"/>
  <c r="I150" i="2"/>
  <c r="H150" i="2"/>
  <c r="G150" i="2"/>
  <c r="F150" i="2"/>
  <c r="E150" i="2"/>
  <c r="D150" i="2"/>
  <c r="BQ149" i="2"/>
  <c r="BP149" i="2"/>
  <c r="BO149" i="2"/>
  <c r="BN149" i="2"/>
  <c r="BM149" i="2"/>
  <c r="BL149" i="2"/>
  <c r="BK149" i="2"/>
  <c r="BJ149" i="2"/>
  <c r="BI149" i="2"/>
  <c r="BH149" i="2"/>
  <c r="BG149" i="2"/>
  <c r="BF149" i="2"/>
  <c r="BE149" i="2"/>
  <c r="BD149" i="2"/>
  <c r="BC149" i="2"/>
  <c r="BB149" i="2"/>
  <c r="BA149" i="2"/>
  <c r="AZ149" i="2"/>
  <c r="AY149" i="2"/>
  <c r="AX149" i="2"/>
  <c r="AW149" i="2"/>
  <c r="AV149" i="2"/>
  <c r="AU149" i="2"/>
  <c r="AT149" i="2"/>
  <c r="AS149" i="2"/>
  <c r="AR149" i="2"/>
  <c r="AQ149" i="2"/>
  <c r="AP149" i="2"/>
  <c r="AO149" i="2"/>
  <c r="AN149" i="2"/>
  <c r="AM149" i="2"/>
  <c r="AL149" i="2"/>
  <c r="AK149" i="2"/>
  <c r="AJ149" i="2"/>
  <c r="AI149" i="2"/>
  <c r="AH149" i="2"/>
  <c r="AG149" i="2"/>
  <c r="AF149" i="2"/>
  <c r="AE149" i="2"/>
  <c r="AD149" i="2"/>
  <c r="AC149" i="2"/>
  <c r="AB149" i="2"/>
  <c r="AA149" i="2"/>
  <c r="Z149" i="2"/>
  <c r="Y149" i="2"/>
  <c r="X149" i="2"/>
  <c r="W149" i="2"/>
  <c r="V149" i="2"/>
  <c r="U149" i="2"/>
  <c r="T149" i="2"/>
  <c r="S149" i="2"/>
  <c r="R149" i="2"/>
  <c r="Q149" i="2"/>
  <c r="P149" i="2"/>
  <c r="O149" i="2"/>
  <c r="N149" i="2"/>
  <c r="M149" i="2"/>
  <c r="L149" i="2"/>
  <c r="K149" i="2"/>
  <c r="J149" i="2"/>
  <c r="I149" i="2"/>
  <c r="H149" i="2"/>
  <c r="G149" i="2"/>
  <c r="F149" i="2"/>
  <c r="E149" i="2"/>
  <c r="D149" i="2"/>
  <c r="BQ148" i="2"/>
  <c r="BP148" i="2"/>
  <c r="BO148" i="2"/>
  <c r="BN148" i="2"/>
  <c r="BM148" i="2"/>
  <c r="BL148" i="2"/>
  <c r="BK148" i="2"/>
  <c r="BJ148" i="2"/>
  <c r="BI148" i="2"/>
  <c r="BH148" i="2"/>
  <c r="BG148" i="2"/>
  <c r="BF148" i="2"/>
  <c r="BE148" i="2"/>
  <c r="BD148" i="2"/>
  <c r="BC148" i="2"/>
  <c r="BB148" i="2"/>
  <c r="BA148" i="2"/>
  <c r="AZ148" i="2"/>
  <c r="AY148" i="2"/>
  <c r="AX148" i="2"/>
  <c r="AW148" i="2"/>
  <c r="AV148" i="2"/>
  <c r="AU148" i="2"/>
  <c r="AT148" i="2"/>
  <c r="AS148" i="2"/>
  <c r="AR148" i="2"/>
  <c r="AQ148" i="2"/>
  <c r="AP148" i="2"/>
  <c r="AO148" i="2"/>
  <c r="AN148" i="2"/>
  <c r="AM148" i="2"/>
  <c r="AL148" i="2"/>
  <c r="AK148" i="2"/>
  <c r="AJ148" i="2"/>
  <c r="AI148" i="2"/>
  <c r="AH148" i="2"/>
  <c r="AG148" i="2"/>
  <c r="AF148" i="2"/>
  <c r="AE148" i="2"/>
  <c r="AD148" i="2"/>
  <c r="AC148" i="2"/>
  <c r="AB148" i="2"/>
  <c r="AA148" i="2"/>
  <c r="Z148" i="2"/>
  <c r="Y148" i="2"/>
  <c r="X148" i="2"/>
  <c r="W148" i="2"/>
  <c r="V148" i="2"/>
  <c r="U148" i="2"/>
  <c r="T148" i="2"/>
  <c r="S148" i="2"/>
  <c r="R148" i="2"/>
  <c r="Q148" i="2"/>
  <c r="P148" i="2"/>
  <c r="O148" i="2"/>
  <c r="N148" i="2"/>
  <c r="M148" i="2"/>
  <c r="L148" i="2"/>
  <c r="K148" i="2"/>
  <c r="J148" i="2"/>
  <c r="I148" i="2"/>
  <c r="H148" i="2"/>
  <c r="G148" i="2"/>
  <c r="F148" i="2"/>
  <c r="E148" i="2"/>
  <c r="D148" i="2"/>
  <c r="BQ147" i="2"/>
  <c r="BP147" i="2"/>
  <c r="BO147" i="2"/>
  <c r="BN147" i="2"/>
  <c r="BM147" i="2"/>
  <c r="BL147" i="2"/>
  <c r="BK147" i="2"/>
  <c r="BJ147" i="2"/>
  <c r="BI147" i="2"/>
  <c r="BH147" i="2"/>
  <c r="BG147" i="2"/>
  <c r="BF147" i="2"/>
  <c r="BE147" i="2"/>
  <c r="BD147" i="2"/>
  <c r="BC147" i="2"/>
  <c r="BB147" i="2"/>
  <c r="BA147" i="2"/>
  <c r="AZ147" i="2"/>
  <c r="AY147" i="2"/>
  <c r="AX147" i="2"/>
  <c r="AW147" i="2"/>
  <c r="AV147" i="2"/>
  <c r="AU147" i="2"/>
  <c r="AT147" i="2"/>
  <c r="AS147" i="2"/>
  <c r="AR147" i="2"/>
  <c r="AQ147" i="2"/>
  <c r="AP147" i="2"/>
  <c r="AO147" i="2"/>
  <c r="AN147" i="2"/>
  <c r="AM147" i="2"/>
  <c r="AL147" i="2"/>
  <c r="AK147" i="2"/>
  <c r="AJ147" i="2"/>
  <c r="AI147" i="2"/>
  <c r="AH147" i="2"/>
  <c r="AG147" i="2"/>
  <c r="AF147" i="2"/>
  <c r="AE147" i="2"/>
  <c r="AD147" i="2"/>
  <c r="AC147" i="2"/>
  <c r="AB147" i="2"/>
  <c r="AA147" i="2"/>
  <c r="Z147" i="2"/>
  <c r="Y147" i="2"/>
  <c r="X147" i="2"/>
  <c r="W147" i="2"/>
  <c r="V147" i="2"/>
  <c r="U147" i="2"/>
  <c r="T147" i="2"/>
  <c r="S147" i="2"/>
  <c r="R147" i="2"/>
  <c r="Q147" i="2"/>
  <c r="P147" i="2"/>
  <c r="O147" i="2"/>
  <c r="N147" i="2"/>
  <c r="M147" i="2"/>
  <c r="L147" i="2"/>
  <c r="K147" i="2"/>
  <c r="J147" i="2"/>
  <c r="I147" i="2"/>
  <c r="H147" i="2"/>
  <c r="G147" i="2"/>
  <c r="F147" i="2"/>
  <c r="E147" i="2"/>
  <c r="D147" i="2"/>
  <c r="BQ146" i="2"/>
  <c r="BP146" i="2"/>
  <c r="BO146" i="2"/>
  <c r="BN146" i="2"/>
  <c r="BM146" i="2"/>
  <c r="BL146" i="2"/>
  <c r="BK146" i="2"/>
  <c r="BJ146" i="2"/>
  <c r="BI146" i="2"/>
  <c r="BH146" i="2"/>
  <c r="BG146" i="2"/>
  <c r="BF146" i="2"/>
  <c r="BE146" i="2"/>
  <c r="BD146" i="2"/>
  <c r="BC146" i="2"/>
  <c r="BB146" i="2"/>
  <c r="BA146" i="2"/>
  <c r="AZ146" i="2"/>
  <c r="AY146" i="2"/>
  <c r="AX146" i="2"/>
  <c r="AW146" i="2"/>
  <c r="AV146" i="2"/>
  <c r="AU146" i="2"/>
  <c r="AT146" i="2"/>
  <c r="AS146" i="2"/>
  <c r="AR146" i="2"/>
  <c r="AQ146" i="2"/>
  <c r="AP146" i="2"/>
  <c r="AO146" i="2"/>
  <c r="AN146" i="2"/>
  <c r="AM146" i="2"/>
  <c r="AL146" i="2"/>
  <c r="AK146" i="2"/>
  <c r="AJ146" i="2"/>
  <c r="AI146" i="2"/>
  <c r="AH146" i="2"/>
  <c r="AG146" i="2"/>
  <c r="AF146" i="2"/>
  <c r="AE146" i="2"/>
  <c r="AD146" i="2"/>
  <c r="AC146" i="2"/>
  <c r="AB146" i="2"/>
  <c r="AA146" i="2"/>
  <c r="Z146" i="2"/>
  <c r="Y146" i="2"/>
  <c r="X146" i="2"/>
  <c r="W146" i="2"/>
  <c r="V146" i="2"/>
  <c r="U146" i="2"/>
  <c r="T146" i="2"/>
  <c r="S146" i="2"/>
  <c r="R146" i="2"/>
  <c r="Q146" i="2"/>
  <c r="P146" i="2"/>
  <c r="O146" i="2"/>
  <c r="N146" i="2"/>
  <c r="M146" i="2"/>
  <c r="L146" i="2"/>
  <c r="K146" i="2"/>
  <c r="J146" i="2"/>
  <c r="I146" i="2"/>
  <c r="H146" i="2"/>
  <c r="G146" i="2"/>
  <c r="F146" i="2"/>
  <c r="E146" i="2"/>
  <c r="D146" i="2"/>
  <c r="BQ145" i="2"/>
  <c r="BP145" i="2"/>
  <c r="BO145" i="2"/>
  <c r="BN145" i="2"/>
  <c r="BM145" i="2"/>
  <c r="BL145" i="2"/>
  <c r="BK145" i="2"/>
  <c r="BJ145" i="2"/>
  <c r="BI145" i="2"/>
  <c r="BH145" i="2"/>
  <c r="BG145" i="2"/>
  <c r="BF145" i="2"/>
  <c r="BE145" i="2"/>
  <c r="BD145" i="2"/>
  <c r="BC145" i="2"/>
  <c r="BB145" i="2"/>
  <c r="BA145" i="2"/>
  <c r="AZ145" i="2"/>
  <c r="AY145" i="2"/>
  <c r="AX145" i="2"/>
  <c r="AW145" i="2"/>
  <c r="AV145" i="2"/>
  <c r="AU145" i="2"/>
  <c r="AT145" i="2"/>
  <c r="AS145" i="2"/>
  <c r="AR145" i="2"/>
  <c r="AQ145" i="2"/>
  <c r="AP145" i="2"/>
  <c r="AO145" i="2"/>
  <c r="AN145" i="2"/>
  <c r="AM145" i="2"/>
  <c r="AL145" i="2"/>
  <c r="AK145" i="2"/>
  <c r="AJ145" i="2"/>
  <c r="AI145" i="2"/>
  <c r="AH145" i="2"/>
  <c r="AG145" i="2"/>
  <c r="AF145" i="2"/>
  <c r="AE145" i="2"/>
  <c r="AD145" i="2"/>
  <c r="AC145" i="2"/>
  <c r="AB145" i="2"/>
  <c r="AA145" i="2"/>
  <c r="Z145" i="2"/>
  <c r="Y145" i="2"/>
  <c r="X145" i="2"/>
  <c r="W145" i="2"/>
  <c r="V145" i="2"/>
  <c r="U145" i="2"/>
  <c r="T145" i="2"/>
  <c r="S145" i="2"/>
  <c r="R145" i="2"/>
  <c r="Q145" i="2"/>
  <c r="P145" i="2"/>
  <c r="O145" i="2"/>
  <c r="N145" i="2"/>
  <c r="M145" i="2"/>
  <c r="L145" i="2"/>
  <c r="K145" i="2"/>
  <c r="J145" i="2"/>
  <c r="I145" i="2"/>
  <c r="H145" i="2"/>
  <c r="G145" i="2"/>
  <c r="F145" i="2"/>
  <c r="E145" i="2"/>
  <c r="D145" i="2"/>
  <c r="BQ144" i="2"/>
  <c r="BP144" i="2"/>
  <c r="BO144" i="2"/>
  <c r="BN144" i="2"/>
  <c r="BM144" i="2"/>
  <c r="BL144" i="2"/>
  <c r="BK144" i="2"/>
  <c r="BJ144" i="2"/>
  <c r="BI144" i="2"/>
  <c r="BH144" i="2"/>
  <c r="BG144" i="2"/>
  <c r="BF144" i="2"/>
  <c r="BE144" i="2"/>
  <c r="BD144" i="2"/>
  <c r="BC144" i="2"/>
  <c r="BB144" i="2"/>
  <c r="BA144" i="2"/>
  <c r="AZ144" i="2"/>
  <c r="AY144" i="2"/>
  <c r="AX144" i="2"/>
  <c r="AW144" i="2"/>
  <c r="AV144" i="2"/>
  <c r="AU144" i="2"/>
  <c r="AT144" i="2"/>
  <c r="AS144" i="2"/>
  <c r="AR144" i="2"/>
  <c r="AQ144" i="2"/>
  <c r="AP144" i="2"/>
  <c r="AO144" i="2"/>
  <c r="AN144" i="2"/>
  <c r="AM144" i="2"/>
  <c r="AL144" i="2"/>
  <c r="AK144" i="2"/>
  <c r="AJ144" i="2"/>
  <c r="AI144" i="2"/>
  <c r="AH144" i="2"/>
  <c r="AG144" i="2"/>
  <c r="AF144" i="2"/>
  <c r="AE144" i="2"/>
  <c r="AD144" i="2"/>
  <c r="AC144" i="2"/>
  <c r="AB144" i="2"/>
  <c r="AA144" i="2"/>
  <c r="Z144" i="2"/>
  <c r="Y144" i="2"/>
  <c r="X144" i="2"/>
  <c r="W144" i="2"/>
  <c r="V144" i="2"/>
  <c r="U144" i="2"/>
  <c r="T144" i="2"/>
  <c r="S144" i="2"/>
  <c r="R144" i="2"/>
  <c r="Q144" i="2"/>
  <c r="P144" i="2"/>
  <c r="O144" i="2"/>
  <c r="N144" i="2"/>
  <c r="M144" i="2"/>
  <c r="L144" i="2"/>
  <c r="K144" i="2"/>
  <c r="J144" i="2"/>
  <c r="I144" i="2"/>
  <c r="H144" i="2"/>
  <c r="G144" i="2"/>
  <c r="F144" i="2"/>
  <c r="E144" i="2"/>
  <c r="D144" i="2"/>
  <c r="BQ143" i="2"/>
  <c r="BP143" i="2"/>
  <c r="BO143" i="2"/>
  <c r="BN143" i="2"/>
  <c r="BM143" i="2"/>
  <c r="BL143" i="2"/>
  <c r="BK143" i="2"/>
  <c r="BJ143" i="2"/>
  <c r="BI143" i="2"/>
  <c r="BH143" i="2"/>
  <c r="BG143" i="2"/>
  <c r="BF143" i="2"/>
  <c r="BE143" i="2"/>
  <c r="BD143" i="2"/>
  <c r="BC143" i="2"/>
  <c r="BB143" i="2"/>
  <c r="BA143" i="2"/>
  <c r="AZ143" i="2"/>
  <c r="AY143" i="2"/>
  <c r="AX143" i="2"/>
  <c r="AW143" i="2"/>
  <c r="AV143" i="2"/>
  <c r="AU143" i="2"/>
  <c r="AT143" i="2"/>
  <c r="AS143" i="2"/>
  <c r="AR143" i="2"/>
  <c r="AQ143" i="2"/>
  <c r="AP143" i="2"/>
  <c r="AO143" i="2"/>
  <c r="AN143" i="2"/>
  <c r="AM143" i="2"/>
  <c r="AL143" i="2"/>
  <c r="AK143" i="2"/>
  <c r="AJ143" i="2"/>
  <c r="AI143" i="2"/>
  <c r="AH143" i="2"/>
  <c r="AG143" i="2"/>
  <c r="AF143" i="2"/>
  <c r="AE143" i="2"/>
  <c r="AD143" i="2"/>
  <c r="AC143" i="2"/>
  <c r="AB143" i="2"/>
  <c r="AA143" i="2"/>
  <c r="Z143" i="2"/>
  <c r="Y143" i="2"/>
  <c r="X143" i="2"/>
  <c r="W143" i="2"/>
  <c r="V143" i="2"/>
  <c r="U143" i="2"/>
  <c r="T143" i="2"/>
  <c r="S143" i="2"/>
  <c r="R143" i="2"/>
  <c r="Q143" i="2"/>
  <c r="P143" i="2"/>
  <c r="O143" i="2"/>
  <c r="N143" i="2"/>
  <c r="M143" i="2"/>
  <c r="L143" i="2"/>
  <c r="K143" i="2"/>
  <c r="J143" i="2"/>
  <c r="I143" i="2"/>
  <c r="H143" i="2"/>
  <c r="G143" i="2"/>
  <c r="F143" i="2"/>
  <c r="E143" i="2"/>
  <c r="D143" i="2"/>
  <c r="BQ142" i="2"/>
  <c r="BP142" i="2"/>
  <c r="BO142" i="2"/>
  <c r="BN142" i="2"/>
  <c r="BM142" i="2"/>
  <c r="BL142" i="2"/>
  <c r="BK142" i="2"/>
  <c r="BJ142" i="2"/>
  <c r="BI142" i="2"/>
  <c r="BH142" i="2"/>
  <c r="BG142" i="2"/>
  <c r="BF142" i="2"/>
  <c r="BE142" i="2"/>
  <c r="BD142" i="2"/>
  <c r="BC142" i="2"/>
  <c r="BB142" i="2"/>
  <c r="BA142" i="2"/>
  <c r="AZ142" i="2"/>
  <c r="AY142" i="2"/>
  <c r="AX142" i="2"/>
  <c r="AW142" i="2"/>
  <c r="AV142" i="2"/>
  <c r="AU142" i="2"/>
  <c r="AT142" i="2"/>
  <c r="AS142" i="2"/>
  <c r="AR142" i="2"/>
  <c r="AQ142" i="2"/>
  <c r="AP142" i="2"/>
  <c r="AO142" i="2"/>
  <c r="AN142" i="2"/>
  <c r="AM142" i="2"/>
  <c r="AL142" i="2"/>
  <c r="AK142" i="2"/>
  <c r="AJ142" i="2"/>
  <c r="AI142" i="2"/>
  <c r="AH142" i="2"/>
  <c r="AG142" i="2"/>
  <c r="AF142" i="2"/>
  <c r="AE142" i="2"/>
  <c r="AD142" i="2"/>
  <c r="AC142" i="2"/>
  <c r="AB142" i="2"/>
  <c r="AA142" i="2"/>
  <c r="Z142" i="2"/>
  <c r="Y142" i="2"/>
  <c r="X142" i="2"/>
  <c r="W142" i="2"/>
  <c r="V142" i="2"/>
  <c r="U142" i="2"/>
  <c r="T142" i="2"/>
  <c r="S142" i="2"/>
  <c r="R142" i="2"/>
  <c r="Q142" i="2"/>
  <c r="P142" i="2"/>
  <c r="O142" i="2"/>
  <c r="N142" i="2"/>
  <c r="M142" i="2"/>
  <c r="L142" i="2"/>
  <c r="K142" i="2"/>
  <c r="J142" i="2"/>
  <c r="I142" i="2"/>
  <c r="H142" i="2"/>
  <c r="G142" i="2"/>
  <c r="F142" i="2"/>
  <c r="E142" i="2"/>
  <c r="D142" i="2"/>
  <c r="BQ141" i="2"/>
  <c r="BP141" i="2"/>
  <c r="BO141" i="2"/>
  <c r="BN141" i="2"/>
  <c r="BM141" i="2"/>
  <c r="BL141" i="2"/>
  <c r="BK141" i="2"/>
  <c r="BJ141" i="2"/>
  <c r="BI141" i="2"/>
  <c r="BH141" i="2"/>
  <c r="BG141" i="2"/>
  <c r="BF141" i="2"/>
  <c r="BE141" i="2"/>
  <c r="BD141" i="2"/>
  <c r="BC141" i="2"/>
  <c r="BB141" i="2"/>
  <c r="BA141" i="2"/>
  <c r="AZ141" i="2"/>
  <c r="AY141" i="2"/>
  <c r="AX141" i="2"/>
  <c r="AW141" i="2"/>
  <c r="AV141" i="2"/>
  <c r="AU141" i="2"/>
  <c r="AT141" i="2"/>
  <c r="AS141" i="2"/>
  <c r="AR141" i="2"/>
  <c r="AQ141" i="2"/>
  <c r="AP141" i="2"/>
  <c r="AO141" i="2"/>
  <c r="AN141" i="2"/>
  <c r="AM141" i="2"/>
  <c r="AL141" i="2"/>
  <c r="AK141" i="2"/>
  <c r="AJ141" i="2"/>
  <c r="AI141" i="2"/>
  <c r="AH141" i="2"/>
  <c r="AG141" i="2"/>
  <c r="AF141" i="2"/>
  <c r="AE141" i="2"/>
  <c r="AD141" i="2"/>
  <c r="AC141" i="2"/>
  <c r="AB141" i="2"/>
  <c r="AA141" i="2"/>
  <c r="Z141" i="2"/>
  <c r="Y141" i="2"/>
  <c r="X141" i="2"/>
  <c r="W141" i="2"/>
  <c r="V141" i="2"/>
  <c r="U141" i="2"/>
  <c r="T141" i="2"/>
  <c r="S141" i="2"/>
  <c r="R141" i="2"/>
  <c r="Q141" i="2"/>
  <c r="P141" i="2"/>
  <c r="O141" i="2"/>
  <c r="N141" i="2"/>
  <c r="M141" i="2"/>
  <c r="L141" i="2"/>
  <c r="K141" i="2"/>
  <c r="J141" i="2"/>
  <c r="I141" i="2"/>
  <c r="H141" i="2"/>
  <c r="G141" i="2"/>
  <c r="F141" i="2"/>
  <c r="E141" i="2"/>
  <c r="D141" i="2"/>
  <c r="BQ140" i="2"/>
  <c r="BP140" i="2"/>
  <c r="BO140" i="2"/>
  <c r="BN140" i="2"/>
  <c r="BM140" i="2"/>
  <c r="BL140" i="2"/>
  <c r="BK140" i="2"/>
  <c r="BJ140" i="2"/>
  <c r="BI140" i="2"/>
  <c r="BH140" i="2"/>
  <c r="BG140" i="2"/>
  <c r="BF140" i="2"/>
  <c r="BE140" i="2"/>
  <c r="BD140" i="2"/>
  <c r="BC140" i="2"/>
  <c r="BB140" i="2"/>
  <c r="BA140" i="2"/>
  <c r="AZ140" i="2"/>
  <c r="AY140" i="2"/>
  <c r="AX140" i="2"/>
  <c r="AW140" i="2"/>
  <c r="AV140" i="2"/>
  <c r="AU140" i="2"/>
  <c r="AT140" i="2"/>
  <c r="AS140" i="2"/>
  <c r="AR140" i="2"/>
  <c r="AQ140" i="2"/>
  <c r="AP140" i="2"/>
  <c r="AO140" i="2"/>
  <c r="AN140" i="2"/>
  <c r="AM140" i="2"/>
  <c r="AL140" i="2"/>
  <c r="AK140" i="2"/>
  <c r="AJ140" i="2"/>
  <c r="AI140" i="2"/>
  <c r="AH140" i="2"/>
  <c r="AG140" i="2"/>
  <c r="AF140" i="2"/>
  <c r="AE140" i="2"/>
  <c r="AD140" i="2"/>
  <c r="AC140" i="2"/>
  <c r="AB140" i="2"/>
  <c r="AA140" i="2"/>
  <c r="Z140" i="2"/>
  <c r="Y140" i="2"/>
  <c r="X140" i="2"/>
  <c r="W140" i="2"/>
  <c r="V140" i="2"/>
  <c r="U140" i="2"/>
  <c r="T140" i="2"/>
  <c r="S140" i="2"/>
  <c r="R140" i="2"/>
  <c r="Q140" i="2"/>
  <c r="P140" i="2"/>
  <c r="O140" i="2"/>
  <c r="N140" i="2"/>
  <c r="M140" i="2"/>
  <c r="L140" i="2"/>
  <c r="K140" i="2"/>
  <c r="J140" i="2"/>
  <c r="I140" i="2"/>
  <c r="H140" i="2"/>
  <c r="G140" i="2"/>
  <c r="F140" i="2"/>
  <c r="E140" i="2"/>
  <c r="D140" i="2"/>
  <c r="BQ139" i="2"/>
  <c r="BP139" i="2"/>
  <c r="BO139" i="2"/>
  <c r="BN139" i="2"/>
  <c r="BM139" i="2"/>
  <c r="BL139" i="2"/>
  <c r="BK139" i="2"/>
  <c r="BJ139" i="2"/>
  <c r="BI139" i="2"/>
  <c r="BH139" i="2"/>
  <c r="BG139" i="2"/>
  <c r="BF139" i="2"/>
  <c r="BE139" i="2"/>
  <c r="BD139" i="2"/>
  <c r="BC139" i="2"/>
  <c r="BB139" i="2"/>
  <c r="BA139" i="2"/>
  <c r="AZ139" i="2"/>
  <c r="AY139" i="2"/>
  <c r="AX139" i="2"/>
  <c r="AW139" i="2"/>
  <c r="AV139" i="2"/>
  <c r="AU139" i="2"/>
  <c r="AT139" i="2"/>
  <c r="AS139" i="2"/>
  <c r="AR139" i="2"/>
  <c r="AQ139" i="2"/>
  <c r="AP139" i="2"/>
  <c r="AO139" i="2"/>
  <c r="AN139" i="2"/>
  <c r="AM139" i="2"/>
  <c r="AL139" i="2"/>
  <c r="AK139" i="2"/>
  <c r="AJ139" i="2"/>
  <c r="AI139" i="2"/>
  <c r="AH139" i="2"/>
  <c r="AG139" i="2"/>
  <c r="AF139" i="2"/>
  <c r="AE139" i="2"/>
  <c r="AD139" i="2"/>
  <c r="AC139" i="2"/>
  <c r="AB139" i="2"/>
  <c r="AA139" i="2"/>
  <c r="Z139" i="2"/>
  <c r="Y139" i="2"/>
  <c r="X139" i="2"/>
  <c r="W139" i="2"/>
  <c r="V139" i="2"/>
  <c r="U139" i="2"/>
  <c r="T139" i="2"/>
  <c r="S139" i="2"/>
  <c r="R139" i="2"/>
  <c r="Q139" i="2"/>
  <c r="P139" i="2"/>
  <c r="O139" i="2"/>
  <c r="N139" i="2"/>
  <c r="M139" i="2"/>
  <c r="L139" i="2"/>
  <c r="K139" i="2"/>
  <c r="J139" i="2"/>
  <c r="I139" i="2"/>
  <c r="H139" i="2"/>
  <c r="G139" i="2"/>
  <c r="F139" i="2"/>
  <c r="E139" i="2"/>
  <c r="D139" i="2"/>
  <c r="BQ138" i="2"/>
  <c r="BP138" i="2"/>
  <c r="BO138" i="2"/>
  <c r="BN138" i="2"/>
  <c r="BM138" i="2"/>
  <c r="BL138" i="2"/>
  <c r="BK138" i="2"/>
  <c r="BJ138" i="2"/>
  <c r="BI138" i="2"/>
  <c r="BH138" i="2"/>
  <c r="BG138" i="2"/>
  <c r="BF138" i="2"/>
  <c r="BE138" i="2"/>
  <c r="BD138" i="2"/>
  <c r="BC138" i="2"/>
  <c r="BB138" i="2"/>
  <c r="BA138" i="2"/>
  <c r="AZ138" i="2"/>
  <c r="AY138" i="2"/>
  <c r="AX138" i="2"/>
  <c r="AW138" i="2"/>
  <c r="AV138" i="2"/>
  <c r="AU138" i="2"/>
  <c r="AT138" i="2"/>
  <c r="AS138" i="2"/>
  <c r="AR138" i="2"/>
  <c r="AQ138" i="2"/>
  <c r="AP138" i="2"/>
  <c r="AO138" i="2"/>
  <c r="AN138" i="2"/>
  <c r="AM138" i="2"/>
  <c r="AL138" i="2"/>
  <c r="AK138" i="2"/>
  <c r="AJ138" i="2"/>
  <c r="AI138" i="2"/>
  <c r="AH138" i="2"/>
  <c r="AG138" i="2"/>
  <c r="AF138" i="2"/>
  <c r="AE138" i="2"/>
  <c r="AD138" i="2"/>
  <c r="AC138" i="2"/>
  <c r="AB138" i="2"/>
  <c r="AA138" i="2"/>
  <c r="Z138" i="2"/>
  <c r="Y138" i="2"/>
  <c r="X138" i="2"/>
  <c r="W138" i="2"/>
  <c r="V138" i="2"/>
  <c r="U138" i="2"/>
  <c r="T138" i="2"/>
  <c r="S138" i="2"/>
  <c r="R138" i="2"/>
  <c r="Q138" i="2"/>
  <c r="P138" i="2"/>
  <c r="O138" i="2"/>
  <c r="N138" i="2"/>
  <c r="M138" i="2"/>
  <c r="L138" i="2"/>
  <c r="K138" i="2"/>
  <c r="J138" i="2"/>
  <c r="I138" i="2"/>
  <c r="H138" i="2"/>
  <c r="G138" i="2"/>
  <c r="F138" i="2"/>
  <c r="E138" i="2"/>
  <c r="D138" i="2"/>
  <c r="BQ137" i="2"/>
  <c r="BP137" i="2"/>
  <c r="BO137" i="2"/>
  <c r="BN137" i="2"/>
  <c r="BM137" i="2"/>
  <c r="BL137" i="2"/>
  <c r="BK137" i="2"/>
  <c r="BJ137" i="2"/>
  <c r="BI137" i="2"/>
  <c r="BH137" i="2"/>
  <c r="BG137" i="2"/>
  <c r="BF137" i="2"/>
  <c r="BE137" i="2"/>
  <c r="BD137" i="2"/>
  <c r="BC137" i="2"/>
  <c r="BB137" i="2"/>
  <c r="BA137" i="2"/>
  <c r="AZ137" i="2"/>
  <c r="AY137" i="2"/>
  <c r="AX137" i="2"/>
  <c r="AW137" i="2"/>
  <c r="AV137" i="2"/>
  <c r="AU137" i="2"/>
  <c r="AT137" i="2"/>
  <c r="AS137" i="2"/>
  <c r="AR137" i="2"/>
  <c r="AQ137" i="2"/>
  <c r="AP137" i="2"/>
  <c r="AO137" i="2"/>
  <c r="AN137" i="2"/>
  <c r="AM137" i="2"/>
  <c r="AL137" i="2"/>
  <c r="AK137" i="2"/>
  <c r="AJ137" i="2"/>
  <c r="AI137" i="2"/>
  <c r="AH137" i="2"/>
  <c r="AG137" i="2"/>
  <c r="AF137" i="2"/>
  <c r="AE137" i="2"/>
  <c r="AD137" i="2"/>
  <c r="AC137" i="2"/>
  <c r="AB137" i="2"/>
  <c r="AA137" i="2"/>
  <c r="Z137" i="2"/>
  <c r="Y137" i="2"/>
  <c r="X137" i="2"/>
  <c r="W137" i="2"/>
  <c r="V137" i="2"/>
  <c r="U137" i="2"/>
  <c r="T137" i="2"/>
  <c r="S137" i="2"/>
  <c r="R137" i="2"/>
  <c r="Q137" i="2"/>
  <c r="P137" i="2"/>
  <c r="O137" i="2"/>
  <c r="N137" i="2"/>
  <c r="M137" i="2"/>
  <c r="L137" i="2"/>
  <c r="K137" i="2"/>
  <c r="J137" i="2"/>
  <c r="I137" i="2"/>
  <c r="H137" i="2"/>
  <c r="G137" i="2"/>
  <c r="F137" i="2"/>
  <c r="E137" i="2"/>
  <c r="D137" i="2"/>
  <c r="BQ136" i="2"/>
  <c r="BP136" i="2"/>
  <c r="BO136" i="2"/>
  <c r="BN136" i="2"/>
  <c r="BM136" i="2"/>
  <c r="BL136" i="2"/>
  <c r="BK136" i="2"/>
  <c r="BJ136" i="2"/>
  <c r="BI136" i="2"/>
  <c r="BH136" i="2"/>
  <c r="BG136" i="2"/>
  <c r="BF136" i="2"/>
  <c r="BE136" i="2"/>
  <c r="BD136" i="2"/>
  <c r="BC136" i="2"/>
  <c r="BB136" i="2"/>
  <c r="BA136" i="2"/>
  <c r="AZ136" i="2"/>
  <c r="AY136" i="2"/>
  <c r="AX136" i="2"/>
  <c r="AW136" i="2"/>
  <c r="AV136" i="2"/>
  <c r="AU136" i="2"/>
  <c r="AT136" i="2"/>
  <c r="AS136" i="2"/>
  <c r="AR136" i="2"/>
  <c r="AQ136" i="2"/>
  <c r="AP136" i="2"/>
  <c r="AO136" i="2"/>
  <c r="AN136" i="2"/>
  <c r="AM136" i="2"/>
  <c r="AL136" i="2"/>
  <c r="AK136" i="2"/>
  <c r="AJ136" i="2"/>
  <c r="AI136" i="2"/>
  <c r="AH136" i="2"/>
  <c r="AG136" i="2"/>
  <c r="AF136" i="2"/>
  <c r="AE136" i="2"/>
  <c r="AD136" i="2"/>
  <c r="AC136" i="2"/>
  <c r="AB136" i="2"/>
  <c r="AA136" i="2"/>
  <c r="Z136" i="2"/>
  <c r="Y136" i="2"/>
  <c r="X136" i="2"/>
  <c r="W136" i="2"/>
  <c r="V136" i="2"/>
  <c r="U136" i="2"/>
  <c r="T136" i="2"/>
  <c r="S136" i="2"/>
  <c r="R136" i="2"/>
  <c r="Q136" i="2"/>
  <c r="P136" i="2"/>
  <c r="O136" i="2"/>
  <c r="N136" i="2"/>
  <c r="M136" i="2"/>
  <c r="L136" i="2"/>
  <c r="K136" i="2"/>
  <c r="J136" i="2"/>
  <c r="I136" i="2"/>
  <c r="H136" i="2"/>
  <c r="G136" i="2"/>
  <c r="F136" i="2"/>
  <c r="E136" i="2"/>
  <c r="D136" i="2"/>
  <c r="BQ135" i="2"/>
  <c r="BP135" i="2"/>
  <c r="BO135" i="2"/>
  <c r="BN135" i="2"/>
  <c r="BM135" i="2"/>
  <c r="BL135" i="2"/>
  <c r="BK135" i="2"/>
  <c r="BJ135" i="2"/>
  <c r="BI135" i="2"/>
  <c r="BH135" i="2"/>
  <c r="BG135" i="2"/>
  <c r="BF135" i="2"/>
  <c r="BE135" i="2"/>
  <c r="BD135" i="2"/>
  <c r="BC135" i="2"/>
  <c r="BB135" i="2"/>
  <c r="BA135" i="2"/>
  <c r="AZ135" i="2"/>
  <c r="AY135" i="2"/>
  <c r="AX135" i="2"/>
  <c r="AW135" i="2"/>
  <c r="AV135" i="2"/>
  <c r="AU135" i="2"/>
  <c r="AT135" i="2"/>
  <c r="AS135" i="2"/>
  <c r="AR135" i="2"/>
  <c r="AQ135" i="2"/>
  <c r="AP135" i="2"/>
  <c r="AO135" i="2"/>
  <c r="AN135" i="2"/>
  <c r="AM135" i="2"/>
  <c r="AL135" i="2"/>
  <c r="AK135" i="2"/>
  <c r="AJ135" i="2"/>
  <c r="AI135" i="2"/>
  <c r="AH135" i="2"/>
  <c r="AG135" i="2"/>
  <c r="AF135" i="2"/>
  <c r="AE135" i="2"/>
  <c r="AD135" i="2"/>
  <c r="AC135" i="2"/>
  <c r="AB135" i="2"/>
  <c r="AA135" i="2"/>
  <c r="Z135" i="2"/>
  <c r="Y135" i="2"/>
  <c r="X135" i="2"/>
  <c r="W135" i="2"/>
  <c r="V135" i="2"/>
  <c r="U135" i="2"/>
  <c r="T135" i="2"/>
  <c r="S135" i="2"/>
  <c r="R135" i="2"/>
  <c r="Q135" i="2"/>
  <c r="P135" i="2"/>
  <c r="O135" i="2"/>
  <c r="N135" i="2"/>
  <c r="M135" i="2"/>
  <c r="L135" i="2"/>
  <c r="K135" i="2"/>
  <c r="J135" i="2"/>
  <c r="I135" i="2"/>
  <c r="H135" i="2"/>
  <c r="G135" i="2"/>
  <c r="F135" i="2"/>
  <c r="E135" i="2"/>
  <c r="D135" i="2"/>
  <c r="BQ134" i="2"/>
  <c r="BP134" i="2"/>
  <c r="BO134" i="2"/>
  <c r="BN134" i="2"/>
  <c r="BM134" i="2"/>
  <c r="BL134" i="2"/>
  <c r="BK134" i="2"/>
  <c r="BJ134" i="2"/>
  <c r="BI134" i="2"/>
  <c r="BH134" i="2"/>
  <c r="BG134" i="2"/>
  <c r="BF134" i="2"/>
  <c r="BE134" i="2"/>
  <c r="BD134" i="2"/>
  <c r="BC134" i="2"/>
  <c r="BB134" i="2"/>
  <c r="BA134" i="2"/>
  <c r="AZ134" i="2"/>
  <c r="AY134" i="2"/>
  <c r="AX134" i="2"/>
  <c r="AW134" i="2"/>
  <c r="AV134" i="2"/>
  <c r="AU134" i="2"/>
  <c r="AT134" i="2"/>
  <c r="AS134" i="2"/>
  <c r="AR134" i="2"/>
  <c r="AQ134" i="2"/>
  <c r="AP134" i="2"/>
  <c r="AO134" i="2"/>
  <c r="AN134" i="2"/>
  <c r="AM134" i="2"/>
  <c r="AL134" i="2"/>
  <c r="AK134" i="2"/>
  <c r="AJ134" i="2"/>
  <c r="AI134" i="2"/>
  <c r="AH134" i="2"/>
  <c r="AG134" i="2"/>
  <c r="AF134" i="2"/>
  <c r="AE134" i="2"/>
  <c r="AD134" i="2"/>
  <c r="AC134" i="2"/>
  <c r="AB134" i="2"/>
  <c r="AA134" i="2"/>
  <c r="Z134" i="2"/>
  <c r="Y134" i="2"/>
  <c r="X134" i="2"/>
  <c r="W134" i="2"/>
  <c r="V134" i="2"/>
  <c r="U134" i="2"/>
  <c r="T134" i="2"/>
  <c r="S134" i="2"/>
  <c r="R134" i="2"/>
  <c r="Q134" i="2"/>
  <c r="P134" i="2"/>
  <c r="O134" i="2"/>
  <c r="N134" i="2"/>
  <c r="M134" i="2"/>
  <c r="L134" i="2"/>
  <c r="K134" i="2"/>
  <c r="J134" i="2"/>
  <c r="I134" i="2"/>
  <c r="H134" i="2"/>
  <c r="G134" i="2"/>
  <c r="F134" i="2"/>
  <c r="E134" i="2"/>
  <c r="D134" i="2"/>
  <c r="BQ133" i="2"/>
  <c r="BP133" i="2"/>
  <c r="BO133" i="2"/>
  <c r="BN133" i="2"/>
  <c r="BM133" i="2"/>
  <c r="BL133" i="2"/>
  <c r="BK133" i="2"/>
  <c r="BJ133" i="2"/>
  <c r="BI133" i="2"/>
  <c r="BH133" i="2"/>
  <c r="BG133" i="2"/>
  <c r="BF133" i="2"/>
  <c r="BE133" i="2"/>
  <c r="BD133" i="2"/>
  <c r="BC133" i="2"/>
  <c r="BB133" i="2"/>
  <c r="BA133" i="2"/>
  <c r="AZ133" i="2"/>
  <c r="AY133" i="2"/>
  <c r="AX133" i="2"/>
  <c r="AW133" i="2"/>
  <c r="AV133" i="2"/>
  <c r="AU133" i="2"/>
  <c r="AT133" i="2"/>
  <c r="AS133" i="2"/>
  <c r="AR133" i="2"/>
  <c r="AQ133" i="2"/>
  <c r="AP133" i="2"/>
  <c r="AO133" i="2"/>
  <c r="AN133" i="2"/>
  <c r="AM133" i="2"/>
  <c r="AL133" i="2"/>
  <c r="AK133" i="2"/>
  <c r="AJ133" i="2"/>
  <c r="AI133" i="2"/>
  <c r="AH133" i="2"/>
  <c r="AG133" i="2"/>
  <c r="AF133" i="2"/>
  <c r="AE133" i="2"/>
  <c r="AD133" i="2"/>
  <c r="AC133" i="2"/>
  <c r="AB133" i="2"/>
  <c r="AA133" i="2"/>
  <c r="Z133" i="2"/>
  <c r="Y133" i="2"/>
  <c r="X133" i="2"/>
  <c r="W133" i="2"/>
  <c r="V133" i="2"/>
  <c r="U133" i="2"/>
  <c r="T133" i="2"/>
  <c r="S133" i="2"/>
  <c r="R133" i="2"/>
  <c r="Q133" i="2"/>
  <c r="P133" i="2"/>
  <c r="O133" i="2"/>
  <c r="N133" i="2"/>
  <c r="M133" i="2"/>
  <c r="L133" i="2"/>
  <c r="K133" i="2"/>
  <c r="J133" i="2"/>
  <c r="I133" i="2"/>
  <c r="H133" i="2"/>
  <c r="G133" i="2"/>
  <c r="F133" i="2"/>
  <c r="E133" i="2"/>
  <c r="D133" i="2"/>
  <c r="BQ132" i="2"/>
  <c r="BP132" i="2"/>
  <c r="BO132" i="2"/>
  <c r="BN132" i="2"/>
  <c r="BM132" i="2"/>
  <c r="BL132" i="2"/>
  <c r="BK132" i="2"/>
  <c r="BJ132" i="2"/>
  <c r="BI132" i="2"/>
  <c r="BH132" i="2"/>
  <c r="BG132" i="2"/>
  <c r="BF132" i="2"/>
  <c r="BE132" i="2"/>
  <c r="BD132" i="2"/>
  <c r="BC132" i="2"/>
  <c r="BB132" i="2"/>
  <c r="BA132" i="2"/>
  <c r="AZ132" i="2"/>
  <c r="AY132" i="2"/>
  <c r="AX132" i="2"/>
  <c r="AW132" i="2"/>
  <c r="AV132" i="2"/>
  <c r="AU132" i="2"/>
  <c r="AT132" i="2"/>
  <c r="AS132" i="2"/>
  <c r="AR132" i="2"/>
  <c r="AQ132" i="2"/>
  <c r="AP132" i="2"/>
  <c r="AO132" i="2"/>
  <c r="AN132" i="2"/>
  <c r="AM132" i="2"/>
  <c r="AL132" i="2"/>
  <c r="AK132" i="2"/>
  <c r="AJ132" i="2"/>
  <c r="AI132" i="2"/>
  <c r="AH132" i="2"/>
  <c r="AG132" i="2"/>
  <c r="AF132" i="2"/>
  <c r="AE132" i="2"/>
  <c r="AD132" i="2"/>
  <c r="AC132" i="2"/>
  <c r="AB132" i="2"/>
  <c r="AA132" i="2"/>
  <c r="Z132" i="2"/>
  <c r="Y132" i="2"/>
  <c r="X132" i="2"/>
  <c r="W132" i="2"/>
  <c r="V132" i="2"/>
  <c r="U132" i="2"/>
  <c r="T132" i="2"/>
  <c r="S132" i="2"/>
  <c r="R132" i="2"/>
  <c r="Q132" i="2"/>
  <c r="P132" i="2"/>
  <c r="O132" i="2"/>
  <c r="N132" i="2"/>
  <c r="M132" i="2"/>
  <c r="L132" i="2"/>
  <c r="K132" i="2"/>
  <c r="J132" i="2"/>
  <c r="I132" i="2"/>
  <c r="H132" i="2"/>
  <c r="G132" i="2"/>
  <c r="F132" i="2"/>
  <c r="E132" i="2"/>
  <c r="D132" i="2"/>
  <c r="BQ131" i="2"/>
  <c r="BP131" i="2"/>
  <c r="BO131" i="2"/>
  <c r="BN131" i="2"/>
  <c r="BM131" i="2"/>
  <c r="BL131" i="2"/>
  <c r="BK131" i="2"/>
  <c r="BJ131" i="2"/>
  <c r="BI131" i="2"/>
  <c r="BH131" i="2"/>
  <c r="BG131" i="2"/>
  <c r="BF131" i="2"/>
  <c r="BE131" i="2"/>
  <c r="BD131" i="2"/>
  <c r="BC131" i="2"/>
  <c r="BB131" i="2"/>
  <c r="BA131" i="2"/>
  <c r="AZ131" i="2"/>
  <c r="AY131" i="2"/>
  <c r="AX131" i="2"/>
  <c r="AW131" i="2"/>
  <c r="AV131" i="2"/>
  <c r="AU131" i="2"/>
  <c r="AT131" i="2"/>
  <c r="AS131" i="2"/>
  <c r="AR131" i="2"/>
  <c r="AQ131" i="2"/>
  <c r="AP131" i="2"/>
  <c r="AO131" i="2"/>
  <c r="AN131" i="2"/>
  <c r="AM131" i="2"/>
  <c r="AL131" i="2"/>
  <c r="AK131" i="2"/>
  <c r="AJ131" i="2"/>
  <c r="AI131" i="2"/>
  <c r="AH131" i="2"/>
  <c r="AG131" i="2"/>
  <c r="AF131" i="2"/>
  <c r="AE131" i="2"/>
  <c r="AD131" i="2"/>
  <c r="AC131" i="2"/>
  <c r="AB131" i="2"/>
  <c r="AA131" i="2"/>
  <c r="Z131" i="2"/>
  <c r="Y131" i="2"/>
  <c r="X131" i="2"/>
  <c r="W131" i="2"/>
  <c r="V131" i="2"/>
  <c r="U131" i="2"/>
  <c r="T131" i="2"/>
  <c r="S131" i="2"/>
  <c r="R131" i="2"/>
  <c r="Q131" i="2"/>
  <c r="P131" i="2"/>
  <c r="O131" i="2"/>
  <c r="N131" i="2"/>
  <c r="M131" i="2"/>
  <c r="L131" i="2"/>
  <c r="K131" i="2"/>
  <c r="J131" i="2"/>
  <c r="I131" i="2"/>
  <c r="H131" i="2"/>
  <c r="G131" i="2"/>
  <c r="F131" i="2"/>
  <c r="E131" i="2"/>
  <c r="D131" i="2"/>
  <c r="BQ130" i="2"/>
  <c r="BP130" i="2"/>
  <c r="BO130" i="2"/>
  <c r="BN130" i="2"/>
  <c r="BM130" i="2"/>
  <c r="BL130" i="2"/>
  <c r="BK130" i="2"/>
  <c r="BJ130" i="2"/>
  <c r="BI130" i="2"/>
  <c r="BH130" i="2"/>
  <c r="BG130" i="2"/>
  <c r="BF130" i="2"/>
  <c r="BE130" i="2"/>
  <c r="BD130" i="2"/>
  <c r="BC130" i="2"/>
  <c r="BB130" i="2"/>
  <c r="BA130" i="2"/>
  <c r="AZ130" i="2"/>
  <c r="AY130" i="2"/>
  <c r="AX130" i="2"/>
  <c r="AW130" i="2"/>
  <c r="AV130" i="2"/>
  <c r="AU130" i="2"/>
  <c r="AT130" i="2"/>
  <c r="AS130" i="2"/>
  <c r="AR130" i="2"/>
  <c r="AQ130" i="2"/>
  <c r="AP130" i="2"/>
  <c r="AO130" i="2"/>
  <c r="AN130" i="2"/>
  <c r="AM130" i="2"/>
  <c r="AL130" i="2"/>
  <c r="AK130" i="2"/>
  <c r="AJ130" i="2"/>
  <c r="AI130" i="2"/>
  <c r="AH130" i="2"/>
  <c r="AG130" i="2"/>
  <c r="AF130" i="2"/>
  <c r="AE130" i="2"/>
  <c r="AD130" i="2"/>
  <c r="AC130" i="2"/>
  <c r="AB130" i="2"/>
  <c r="AA130" i="2"/>
  <c r="Z130" i="2"/>
  <c r="Y130" i="2"/>
  <c r="X130" i="2"/>
  <c r="W130" i="2"/>
  <c r="V130" i="2"/>
  <c r="U130" i="2"/>
  <c r="T130" i="2"/>
  <c r="S130" i="2"/>
  <c r="R130" i="2"/>
  <c r="Q130" i="2"/>
  <c r="P130" i="2"/>
  <c r="O130" i="2"/>
  <c r="N130" i="2"/>
  <c r="M130" i="2"/>
  <c r="L130" i="2"/>
  <c r="K130" i="2"/>
  <c r="J130" i="2"/>
  <c r="I130" i="2"/>
  <c r="H130" i="2"/>
  <c r="G130" i="2"/>
  <c r="F130" i="2"/>
  <c r="E130" i="2"/>
  <c r="D130" i="2"/>
  <c r="BQ129" i="2"/>
  <c r="BP129" i="2"/>
  <c r="BO129" i="2"/>
  <c r="BN129" i="2"/>
  <c r="BM129" i="2"/>
  <c r="BL129" i="2"/>
  <c r="BK129" i="2"/>
  <c r="BJ129" i="2"/>
  <c r="BI129" i="2"/>
  <c r="BH129" i="2"/>
  <c r="BG129" i="2"/>
  <c r="BF129" i="2"/>
  <c r="BE129" i="2"/>
  <c r="BD129" i="2"/>
  <c r="BC129" i="2"/>
  <c r="BB129" i="2"/>
  <c r="BA129" i="2"/>
  <c r="AZ129" i="2"/>
  <c r="AY129" i="2"/>
  <c r="AX129" i="2"/>
  <c r="AW129" i="2"/>
  <c r="AV129" i="2"/>
  <c r="AU129" i="2"/>
  <c r="AT129" i="2"/>
  <c r="AS129" i="2"/>
  <c r="AR129" i="2"/>
  <c r="AQ129" i="2"/>
  <c r="AP129" i="2"/>
  <c r="AO129" i="2"/>
  <c r="AN129" i="2"/>
  <c r="AM129" i="2"/>
  <c r="AL129" i="2"/>
  <c r="AK129" i="2"/>
  <c r="AJ129" i="2"/>
  <c r="AI129" i="2"/>
  <c r="AH129" i="2"/>
  <c r="AG129" i="2"/>
  <c r="AF129" i="2"/>
  <c r="AE129" i="2"/>
  <c r="AD129" i="2"/>
  <c r="AC129" i="2"/>
  <c r="AB129" i="2"/>
  <c r="AA129" i="2"/>
  <c r="Z129" i="2"/>
  <c r="Y129" i="2"/>
  <c r="X129" i="2"/>
  <c r="W129" i="2"/>
  <c r="V129" i="2"/>
  <c r="U129" i="2"/>
  <c r="T129" i="2"/>
  <c r="S129" i="2"/>
  <c r="R129" i="2"/>
  <c r="Q129" i="2"/>
  <c r="P129" i="2"/>
  <c r="O129" i="2"/>
  <c r="N129" i="2"/>
  <c r="M129" i="2"/>
  <c r="L129" i="2"/>
  <c r="K129" i="2"/>
  <c r="J129" i="2"/>
  <c r="I129" i="2"/>
  <c r="H129" i="2"/>
  <c r="G129" i="2"/>
  <c r="F129" i="2"/>
  <c r="E129" i="2"/>
  <c r="D129" i="2"/>
  <c r="BQ128" i="2"/>
  <c r="BP128" i="2"/>
  <c r="BO128" i="2"/>
  <c r="BN128" i="2"/>
  <c r="BM128" i="2"/>
  <c r="BL128" i="2"/>
  <c r="BK128" i="2"/>
  <c r="BJ128" i="2"/>
  <c r="BI128" i="2"/>
  <c r="BH128" i="2"/>
  <c r="BG128" i="2"/>
  <c r="BF128" i="2"/>
  <c r="BE128" i="2"/>
  <c r="BD128" i="2"/>
  <c r="BC128" i="2"/>
  <c r="BB128" i="2"/>
  <c r="BA128" i="2"/>
  <c r="AZ128" i="2"/>
  <c r="AY128" i="2"/>
  <c r="AX128" i="2"/>
  <c r="AW128" i="2"/>
  <c r="AV128" i="2"/>
  <c r="AU128" i="2"/>
  <c r="AT128" i="2"/>
  <c r="AS128" i="2"/>
  <c r="AR128" i="2"/>
  <c r="AQ128" i="2"/>
  <c r="AP128" i="2"/>
  <c r="AO128" i="2"/>
  <c r="AN128" i="2"/>
  <c r="AM128" i="2"/>
  <c r="AL128" i="2"/>
  <c r="AK128" i="2"/>
  <c r="AJ128" i="2"/>
  <c r="AI128" i="2"/>
  <c r="AH128" i="2"/>
  <c r="AG128" i="2"/>
  <c r="AF128" i="2"/>
  <c r="AE128" i="2"/>
  <c r="AD128" i="2"/>
  <c r="AC128" i="2"/>
  <c r="AB128" i="2"/>
  <c r="AA128" i="2"/>
  <c r="Z128" i="2"/>
  <c r="Y128" i="2"/>
  <c r="X128" i="2"/>
  <c r="W128" i="2"/>
  <c r="V128" i="2"/>
  <c r="U128" i="2"/>
  <c r="T128" i="2"/>
  <c r="S128" i="2"/>
  <c r="R128" i="2"/>
  <c r="Q128" i="2"/>
  <c r="P128" i="2"/>
  <c r="O128" i="2"/>
  <c r="N128" i="2"/>
  <c r="M128" i="2"/>
  <c r="L128" i="2"/>
  <c r="K128" i="2"/>
  <c r="J128" i="2"/>
  <c r="I128" i="2"/>
  <c r="H128" i="2"/>
  <c r="G128" i="2"/>
  <c r="F128" i="2"/>
  <c r="E128" i="2"/>
  <c r="D128" i="2"/>
  <c r="BQ127" i="2"/>
  <c r="BP127" i="2"/>
  <c r="BO127" i="2"/>
  <c r="BN127" i="2"/>
  <c r="BM127" i="2"/>
  <c r="BL127" i="2"/>
  <c r="BK127" i="2"/>
  <c r="BJ127" i="2"/>
  <c r="BI127" i="2"/>
  <c r="BH127" i="2"/>
  <c r="BG127" i="2"/>
  <c r="BF127" i="2"/>
  <c r="BE127" i="2"/>
  <c r="BD127" i="2"/>
  <c r="BC127" i="2"/>
  <c r="BB127" i="2"/>
  <c r="BA127" i="2"/>
  <c r="AZ127" i="2"/>
  <c r="AY127" i="2"/>
  <c r="AX127" i="2"/>
  <c r="AW127" i="2"/>
  <c r="AV127" i="2"/>
  <c r="AU127" i="2"/>
  <c r="AT127" i="2"/>
  <c r="AS127" i="2"/>
  <c r="AR127" i="2"/>
  <c r="AQ127" i="2"/>
  <c r="AP127" i="2"/>
  <c r="AO127" i="2"/>
  <c r="AN127" i="2"/>
  <c r="AM127" i="2"/>
  <c r="AL127" i="2"/>
  <c r="AK127" i="2"/>
  <c r="AJ127" i="2"/>
  <c r="AI127" i="2"/>
  <c r="AH127" i="2"/>
  <c r="AG127" i="2"/>
  <c r="AF127" i="2"/>
  <c r="AE127" i="2"/>
  <c r="AD127" i="2"/>
  <c r="AC127" i="2"/>
  <c r="AB127" i="2"/>
  <c r="AA127" i="2"/>
  <c r="Z127" i="2"/>
  <c r="Y127" i="2"/>
  <c r="X127" i="2"/>
  <c r="W127" i="2"/>
  <c r="V127" i="2"/>
  <c r="U127" i="2"/>
  <c r="T127" i="2"/>
  <c r="S127" i="2"/>
  <c r="R127" i="2"/>
  <c r="Q127" i="2"/>
  <c r="P127" i="2"/>
  <c r="O127" i="2"/>
  <c r="N127" i="2"/>
  <c r="M127" i="2"/>
  <c r="L127" i="2"/>
  <c r="K127" i="2"/>
  <c r="J127" i="2"/>
  <c r="I127" i="2"/>
  <c r="H127" i="2"/>
  <c r="G127" i="2"/>
  <c r="F127" i="2"/>
  <c r="E127" i="2"/>
  <c r="D127" i="2"/>
  <c r="BQ126" i="2"/>
  <c r="BP126" i="2"/>
  <c r="BO126" i="2"/>
  <c r="BN126" i="2"/>
  <c r="BM126" i="2"/>
  <c r="BL126" i="2"/>
  <c r="BK126" i="2"/>
  <c r="BJ126" i="2"/>
  <c r="BI126" i="2"/>
  <c r="BH126" i="2"/>
  <c r="BG126" i="2"/>
  <c r="BF126" i="2"/>
  <c r="BE126" i="2"/>
  <c r="BD126" i="2"/>
  <c r="BC126" i="2"/>
  <c r="BB126" i="2"/>
  <c r="BA126" i="2"/>
  <c r="AZ126" i="2"/>
  <c r="AY126" i="2"/>
  <c r="AX126" i="2"/>
  <c r="AW126" i="2"/>
  <c r="AV126" i="2"/>
  <c r="AU126" i="2"/>
  <c r="AT126" i="2"/>
  <c r="AS126" i="2"/>
  <c r="AR126" i="2"/>
  <c r="AQ126" i="2"/>
  <c r="AP126" i="2"/>
  <c r="AO126" i="2"/>
  <c r="AN126" i="2"/>
  <c r="AM126" i="2"/>
  <c r="AL126" i="2"/>
  <c r="AK126" i="2"/>
  <c r="AJ126" i="2"/>
  <c r="AI126" i="2"/>
  <c r="AH126" i="2"/>
  <c r="AG126" i="2"/>
  <c r="AF126" i="2"/>
  <c r="AE126" i="2"/>
  <c r="AD126" i="2"/>
  <c r="AC126" i="2"/>
  <c r="AB126" i="2"/>
  <c r="AA126" i="2"/>
  <c r="Z126" i="2"/>
  <c r="Y126" i="2"/>
  <c r="X126" i="2"/>
  <c r="W126" i="2"/>
  <c r="V126" i="2"/>
  <c r="U126" i="2"/>
  <c r="T126" i="2"/>
  <c r="S126" i="2"/>
  <c r="R126" i="2"/>
  <c r="Q126" i="2"/>
  <c r="P126" i="2"/>
  <c r="O126" i="2"/>
  <c r="N126" i="2"/>
  <c r="M126" i="2"/>
  <c r="L126" i="2"/>
  <c r="K126" i="2"/>
  <c r="J126" i="2"/>
  <c r="I126" i="2"/>
  <c r="H126" i="2"/>
  <c r="G126" i="2"/>
  <c r="F126" i="2"/>
  <c r="E126" i="2"/>
  <c r="D126" i="2"/>
  <c r="BQ125" i="2"/>
  <c r="BP125" i="2"/>
  <c r="BO125" i="2"/>
  <c r="BN125" i="2"/>
  <c r="BM125" i="2"/>
  <c r="BL125" i="2"/>
  <c r="BK125" i="2"/>
  <c r="BJ125" i="2"/>
  <c r="BI125" i="2"/>
  <c r="BH125" i="2"/>
  <c r="BG125" i="2"/>
  <c r="BF125" i="2"/>
  <c r="BE125" i="2"/>
  <c r="BD125" i="2"/>
  <c r="BC125" i="2"/>
  <c r="BB125" i="2"/>
  <c r="BA125" i="2"/>
  <c r="AZ125" i="2"/>
  <c r="AY125" i="2"/>
  <c r="AX125" i="2"/>
  <c r="AW125" i="2"/>
  <c r="AV125" i="2"/>
  <c r="AU125" i="2"/>
  <c r="AT125" i="2"/>
  <c r="AS125" i="2"/>
  <c r="AR125" i="2"/>
  <c r="AQ125" i="2"/>
  <c r="AP125" i="2"/>
  <c r="AO125" i="2"/>
  <c r="AN125" i="2"/>
  <c r="AM125" i="2"/>
  <c r="AL125" i="2"/>
  <c r="AK125" i="2"/>
  <c r="AJ125" i="2"/>
  <c r="AI125" i="2"/>
  <c r="AH125" i="2"/>
  <c r="AG125" i="2"/>
  <c r="AF125" i="2"/>
  <c r="AE125" i="2"/>
  <c r="AD125" i="2"/>
  <c r="AC125" i="2"/>
  <c r="AB125" i="2"/>
  <c r="AA125" i="2"/>
  <c r="Z125" i="2"/>
  <c r="Y125" i="2"/>
  <c r="X125" i="2"/>
  <c r="W125" i="2"/>
  <c r="V125" i="2"/>
  <c r="U125" i="2"/>
  <c r="T125" i="2"/>
  <c r="S125" i="2"/>
  <c r="R125" i="2"/>
  <c r="Q125" i="2"/>
  <c r="P125" i="2"/>
  <c r="O125" i="2"/>
  <c r="N125" i="2"/>
  <c r="M125" i="2"/>
  <c r="L125" i="2"/>
  <c r="K125" i="2"/>
  <c r="J125" i="2"/>
  <c r="I125" i="2"/>
  <c r="H125" i="2"/>
  <c r="G125" i="2"/>
  <c r="F125" i="2"/>
  <c r="E125" i="2"/>
  <c r="D125" i="2"/>
  <c r="BQ124" i="2"/>
  <c r="BP124" i="2"/>
  <c r="BO124" i="2"/>
  <c r="BN124" i="2"/>
  <c r="BM124" i="2"/>
  <c r="BL124" i="2"/>
  <c r="BK124" i="2"/>
  <c r="BJ124" i="2"/>
  <c r="BI124" i="2"/>
  <c r="BH124" i="2"/>
  <c r="BG124" i="2"/>
  <c r="BF124" i="2"/>
  <c r="BE124" i="2"/>
  <c r="BD124" i="2"/>
  <c r="BC124" i="2"/>
  <c r="BB124" i="2"/>
  <c r="BA124" i="2"/>
  <c r="AZ124" i="2"/>
  <c r="AY124" i="2"/>
  <c r="AX124" i="2"/>
  <c r="AW124" i="2"/>
  <c r="AV124" i="2"/>
  <c r="AU124" i="2"/>
  <c r="AT124" i="2"/>
  <c r="AS124" i="2"/>
  <c r="AR124" i="2"/>
  <c r="AQ124" i="2"/>
  <c r="AP124" i="2"/>
  <c r="AO124" i="2"/>
  <c r="AN124" i="2"/>
  <c r="AM124" i="2"/>
  <c r="AL124" i="2"/>
  <c r="AK124" i="2"/>
  <c r="AJ124" i="2"/>
  <c r="AI124" i="2"/>
  <c r="AH124" i="2"/>
  <c r="AG124" i="2"/>
  <c r="AF124" i="2"/>
  <c r="AE124" i="2"/>
  <c r="AD124" i="2"/>
  <c r="AC124" i="2"/>
  <c r="AB124" i="2"/>
  <c r="AA124" i="2"/>
  <c r="Z124" i="2"/>
  <c r="Y124" i="2"/>
  <c r="X124" i="2"/>
  <c r="W124" i="2"/>
  <c r="V124" i="2"/>
  <c r="U124" i="2"/>
  <c r="T124" i="2"/>
  <c r="S124" i="2"/>
  <c r="R124" i="2"/>
  <c r="Q124" i="2"/>
  <c r="P124" i="2"/>
  <c r="O124" i="2"/>
  <c r="N124" i="2"/>
  <c r="M124" i="2"/>
  <c r="L124" i="2"/>
  <c r="K124" i="2"/>
  <c r="J124" i="2"/>
  <c r="I124" i="2"/>
  <c r="H124" i="2"/>
  <c r="G124" i="2"/>
  <c r="F124" i="2"/>
  <c r="E124" i="2"/>
  <c r="D124" i="2"/>
  <c r="BQ123" i="2"/>
  <c r="BP123" i="2"/>
  <c r="BO123" i="2"/>
  <c r="BN123" i="2"/>
  <c r="BM123" i="2"/>
  <c r="BL123" i="2"/>
  <c r="BK123" i="2"/>
  <c r="BJ123" i="2"/>
  <c r="BI123" i="2"/>
  <c r="BH123" i="2"/>
  <c r="BG123" i="2"/>
  <c r="BF123" i="2"/>
  <c r="BE123" i="2"/>
  <c r="BD123" i="2"/>
  <c r="BC123" i="2"/>
  <c r="BB123" i="2"/>
  <c r="BA123" i="2"/>
  <c r="AZ123" i="2"/>
  <c r="AY123" i="2"/>
  <c r="AX123" i="2"/>
  <c r="AW123" i="2"/>
  <c r="AV123" i="2"/>
  <c r="AU123" i="2"/>
  <c r="AT123" i="2"/>
  <c r="AS123" i="2"/>
  <c r="AR123" i="2"/>
  <c r="AQ123" i="2"/>
  <c r="AP123" i="2"/>
  <c r="AO123" i="2"/>
  <c r="AN123" i="2"/>
  <c r="AM123" i="2"/>
  <c r="AL123" i="2"/>
  <c r="AK123" i="2"/>
  <c r="AJ123" i="2"/>
  <c r="AI123" i="2"/>
  <c r="AH123" i="2"/>
  <c r="AG123" i="2"/>
  <c r="AF123" i="2"/>
  <c r="AE123" i="2"/>
  <c r="AD123" i="2"/>
  <c r="AC123" i="2"/>
  <c r="AB123" i="2"/>
  <c r="AA123" i="2"/>
  <c r="Z123" i="2"/>
  <c r="Y123" i="2"/>
  <c r="X123" i="2"/>
  <c r="W123" i="2"/>
  <c r="V123" i="2"/>
  <c r="U123" i="2"/>
  <c r="T123" i="2"/>
  <c r="S123" i="2"/>
  <c r="R123" i="2"/>
  <c r="Q123" i="2"/>
  <c r="P123" i="2"/>
  <c r="O123" i="2"/>
  <c r="N123" i="2"/>
  <c r="M123" i="2"/>
  <c r="L123" i="2"/>
  <c r="K123" i="2"/>
  <c r="J123" i="2"/>
  <c r="I123" i="2"/>
  <c r="H123" i="2"/>
  <c r="G123" i="2"/>
  <c r="F123" i="2"/>
  <c r="E123" i="2"/>
  <c r="D123" i="2"/>
  <c r="BQ122" i="2"/>
  <c r="BP122" i="2"/>
  <c r="BO122" i="2"/>
  <c r="BN122" i="2"/>
  <c r="BM122" i="2"/>
  <c r="BL122" i="2"/>
  <c r="BK122" i="2"/>
  <c r="BJ122" i="2"/>
  <c r="BI122" i="2"/>
  <c r="BH122" i="2"/>
  <c r="BG122" i="2"/>
  <c r="BF122" i="2"/>
  <c r="BE122" i="2"/>
  <c r="BD122" i="2"/>
  <c r="BC122" i="2"/>
  <c r="BB122" i="2"/>
  <c r="BA122" i="2"/>
  <c r="AZ122" i="2"/>
  <c r="AY122" i="2"/>
  <c r="AX122" i="2"/>
  <c r="AW122" i="2"/>
  <c r="AV122" i="2"/>
  <c r="AU122" i="2"/>
  <c r="AT122" i="2"/>
  <c r="AS122" i="2"/>
  <c r="AR122" i="2"/>
  <c r="AQ122" i="2"/>
  <c r="AP122" i="2"/>
  <c r="AO122" i="2"/>
  <c r="AN122" i="2"/>
  <c r="AM122" i="2"/>
  <c r="AL122" i="2"/>
  <c r="AK122" i="2"/>
  <c r="AJ122" i="2"/>
  <c r="AI122" i="2"/>
  <c r="AH122" i="2"/>
  <c r="AG122" i="2"/>
  <c r="AF122" i="2"/>
  <c r="AE122" i="2"/>
  <c r="AD122" i="2"/>
  <c r="AC122" i="2"/>
  <c r="AB122" i="2"/>
  <c r="AA122" i="2"/>
  <c r="Z122" i="2"/>
  <c r="Y122" i="2"/>
  <c r="X122" i="2"/>
  <c r="W122" i="2"/>
  <c r="V122" i="2"/>
  <c r="U122" i="2"/>
  <c r="T122" i="2"/>
  <c r="S122" i="2"/>
  <c r="R122" i="2"/>
  <c r="Q122" i="2"/>
  <c r="P122" i="2"/>
  <c r="O122" i="2"/>
  <c r="N122" i="2"/>
  <c r="M122" i="2"/>
  <c r="L122" i="2"/>
  <c r="K122" i="2"/>
  <c r="J122" i="2"/>
  <c r="I122" i="2"/>
  <c r="H122" i="2"/>
  <c r="G122" i="2"/>
  <c r="F122" i="2"/>
  <c r="E122" i="2"/>
  <c r="D122" i="2"/>
  <c r="BQ121" i="2"/>
  <c r="BP121" i="2"/>
  <c r="BO121" i="2"/>
  <c r="BN121" i="2"/>
  <c r="BM121" i="2"/>
  <c r="BL121" i="2"/>
  <c r="BK121" i="2"/>
  <c r="BJ121" i="2"/>
  <c r="BI121" i="2"/>
  <c r="BH121" i="2"/>
  <c r="BG121" i="2"/>
  <c r="BF121" i="2"/>
  <c r="BE121" i="2"/>
  <c r="BD121" i="2"/>
  <c r="BC121" i="2"/>
  <c r="BB121" i="2"/>
  <c r="BA121" i="2"/>
  <c r="AZ121" i="2"/>
  <c r="AY121" i="2"/>
  <c r="AX121" i="2"/>
  <c r="AW121" i="2"/>
  <c r="AV121" i="2"/>
  <c r="AU121" i="2"/>
  <c r="AT121" i="2"/>
  <c r="AS121" i="2"/>
  <c r="AR121" i="2"/>
  <c r="AQ121" i="2"/>
  <c r="AP121" i="2"/>
  <c r="AO121" i="2"/>
  <c r="AN121" i="2"/>
  <c r="AM121" i="2"/>
  <c r="AL121" i="2"/>
  <c r="AK121" i="2"/>
  <c r="AJ121" i="2"/>
  <c r="AI121" i="2"/>
  <c r="AH121" i="2"/>
  <c r="AG121" i="2"/>
  <c r="AF121" i="2"/>
  <c r="AE121" i="2"/>
  <c r="AD121" i="2"/>
  <c r="AC121" i="2"/>
  <c r="AB121" i="2"/>
  <c r="AA121" i="2"/>
  <c r="Z121" i="2"/>
  <c r="Y121" i="2"/>
  <c r="X121" i="2"/>
  <c r="W121" i="2"/>
  <c r="V121" i="2"/>
  <c r="U121" i="2"/>
  <c r="T121" i="2"/>
  <c r="S121" i="2"/>
  <c r="R121" i="2"/>
  <c r="Q121" i="2"/>
  <c r="P121" i="2"/>
  <c r="O121" i="2"/>
  <c r="N121" i="2"/>
  <c r="M121" i="2"/>
  <c r="L121" i="2"/>
  <c r="K121" i="2"/>
  <c r="J121" i="2"/>
  <c r="I121" i="2"/>
  <c r="H121" i="2"/>
  <c r="G121" i="2"/>
  <c r="F121" i="2"/>
  <c r="E121" i="2"/>
  <c r="D121" i="2"/>
  <c r="BQ120" i="2"/>
  <c r="BP120" i="2"/>
  <c r="BO120" i="2"/>
  <c r="BN120" i="2"/>
  <c r="BM120" i="2"/>
  <c r="BL120" i="2"/>
  <c r="BK120" i="2"/>
  <c r="BJ120" i="2"/>
  <c r="BI120" i="2"/>
  <c r="BH120" i="2"/>
  <c r="BG120" i="2"/>
  <c r="BF120" i="2"/>
  <c r="BE120" i="2"/>
  <c r="BD120" i="2"/>
  <c r="BC120" i="2"/>
  <c r="BB120" i="2"/>
  <c r="BA120" i="2"/>
  <c r="AZ120" i="2"/>
  <c r="AY120" i="2"/>
  <c r="AX120" i="2"/>
  <c r="AW120" i="2"/>
  <c r="AV120" i="2"/>
  <c r="AU120" i="2"/>
  <c r="AT120" i="2"/>
  <c r="AS120" i="2"/>
  <c r="AR120" i="2"/>
  <c r="AQ120" i="2"/>
  <c r="AP120" i="2"/>
  <c r="AO120" i="2"/>
  <c r="AN120" i="2"/>
  <c r="AM120" i="2"/>
  <c r="AL120" i="2"/>
  <c r="AK120" i="2"/>
  <c r="AJ120" i="2"/>
  <c r="AI120" i="2"/>
  <c r="AH120" i="2"/>
  <c r="AG120" i="2"/>
  <c r="AF120" i="2"/>
  <c r="AE120" i="2"/>
  <c r="AD120" i="2"/>
  <c r="AC120" i="2"/>
  <c r="AB120" i="2"/>
  <c r="AA120" i="2"/>
  <c r="Z120" i="2"/>
  <c r="Y120" i="2"/>
  <c r="X120" i="2"/>
  <c r="W120" i="2"/>
  <c r="V120" i="2"/>
  <c r="U120" i="2"/>
  <c r="T120" i="2"/>
  <c r="S120" i="2"/>
  <c r="R120" i="2"/>
  <c r="Q120" i="2"/>
  <c r="P120" i="2"/>
  <c r="O120" i="2"/>
  <c r="N120" i="2"/>
  <c r="M120" i="2"/>
  <c r="L120" i="2"/>
  <c r="K120" i="2"/>
  <c r="J120" i="2"/>
  <c r="I120" i="2"/>
  <c r="H120" i="2"/>
  <c r="G120" i="2"/>
  <c r="F120" i="2"/>
  <c r="E120" i="2"/>
  <c r="D120" i="2"/>
  <c r="BQ119" i="2"/>
  <c r="BP119" i="2"/>
  <c r="BO119" i="2"/>
  <c r="BN119" i="2"/>
  <c r="BM119" i="2"/>
  <c r="BL119" i="2"/>
  <c r="BK119" i="2"/>
  <c r="BJ119" i="2"/>
  <c r="BI119" i="2"/>
  <c r="BH119" i="2"/>
  <c r="BG119" i="2"/>
  <c r="BF119" i="2"/>
  <c r="BE119" i="2"/>
  <c r="BD119" i="2"/>
  <c r="BC119" i="2"/>
  <c r="BB119" i="2"/>
  <c r="BA119" i="2"/>
  <c r="AZ119" i="2"/>
  <c r="AY119" i="2"/>
  <c r="AX119" i="2"/>
  <c r="AW119" i="2"/>
  <c r="AV119" i="2"/>
  <c r="AU119" i="2"/>
  <c r="AT119" i="2"/>
  <c r="AS119" i="2"/>
  <c r="AR119" i="2"/>
  <c r="AQ119" i="2"/>
  <c r="AP119" i="2"/>
  <c r="AO119" i="2"/>
  <c r="AN119" i="2"/>
  <c r="AM119" i="2"/>
  <c r="AL119" i="2"/>
  <c r="AK119" i="2"/>
  <c r="AJ119" i="2"/>
  <c r="AI119" i="2"/>
  <c r="AH119" i="2"/>
  <c r="AG119" i="2"/>
  <c r="AF119" i="2"/>
  <c r="AE119" i="2"/>
  <c r="AD119" i="2"/>
  <c r="AC119" i="2"/>
  <c r="AB119" i="2"/>
  <c r="AA119" i="2"/>
  <c r="Z119" i="2"/>
  <c r="Y119" i="2"/>
  <c r="X119" i="2"/>
  <c r="W119" i="2"/>
  <c r="V119" i="2"/>
  <c r="U119" i="2"/>
  <c r="T119" i="2"/>
  <c r="S119" i="2"/>
  <c r="R119" i="2"/>
  <c r="Q119" i="2"/>
  <c r="P119" i="2"/>
  <c r="O119" i="2"/>
  <c r="N119" i="2"/>
  <c r="M119" i="2"/>
  <c r="L119" i="2"/>
  <c r="K119" i="2"/>
  <c r="J119" i="2"/>
  <c r="I119" i="2"/>
  <c r="H119" i="2"/>
  <c r="G119" i="2"/>
  <c r="F119" i="2"/>
  <c r="E119" i="2"/>
  <c r="D119" i="2"/>
  <c r="BQ118" i="2"/>
  <c r="BP118" i="2"/>
  <c r="BO118" i="2"/>
  <c r="BN118" i="2"/>
  <c r="BM118" i="2"/>
  <c r="BL118" i="2"/>
  <c r="BK118" i="2"/>
  <c r="BJ118" i="2"/>
  <c r="BI118" i="2"/>
  <c r="BH118" i="2"/>
  <c r="BG118" i="2"/>
  <c r="BF118" i="2"/>
  <c r="BE118" i="2"/>
  <c r="BD118" i="2"/>
  <c r="BC118" i="2"/>
  <c r="BB118" i="2"/>
  <c r="BA118" i="2"/>
  <c r="AZ118" i="2"/>
  <c r="AY118" i="2"/>
  <c r="AX118" i="2"/>
  <c r="AW118" i="2"/>
  <c r="AV118" i="2"/>
  <c r="AU118" i="2"/>
  <c r="AT118" i="2"/>
  <c r="AS118" i="2"/>
  <c r="AR118" i="2"/>
  <c r="AQ118" i="2"/>
  <c r="AP118" i="2"/>
  <c r="AO118" i="2"/>
  <c r="AN118" i="2"/>
  <c r="AM118" i="2"/>
  <c r="AL118" i="2"/>
  <c r="AK118" i="2"/>
  <c r="AJ118" i="2"/>
  <c r="AI118" i="2"/>
  <c r="AH118" i="2"/>
  <c r="AG118" i="2"/>
  <c r="AF118" i="2"/>
  <c r="AE118" i="2"/>
  <c r="AD118" i="2"/>
  <c r="AC118" i="2"/>
  <c r="AB118" i="2"/>
  <c r="AA118" i="2"/>
  <c r="Z118" i="2"/>
  <c r="Y118" i="2"/>
  <c r="X118" i="2"/>
  <c r="W118" i="2"/>
  <c r="V118" i="2"/>
  <c r="U118" i="2"/>
  <c r="T118" i="2"/>
  <c r="S118" i="2"/>
  <c r="R118" i="2"/>
  <c r="Q118" i="2"/>
  <c r="P118" i="2"/>
  <c r="O118" i="2"/>
  <c r="N118" i="2"/>
  <c r="M118" i="2"/>
  <c r="L118" i="2"/>
  <c r="K118" i="2"/>
  <c r="J118" i="2"/>
  <c r="I118" i="2"/>
  <c r="H118" i="2"/>
  <c r="G118" i="2"/>
  <c r="F118" i="2"/>
  <c r="E118" i="2"/>
  <c r="D118" i="2"/>
  <c r="BQ117" i="2"/>
  <c r="BP117" i="2"/>
  <c r="BO117" i="2"/>
  <c r="BN117" i="2"/>
  <c r="BM117" i="2"/>
  <c r="BL117" i="2"/>
  <c r="BK117" i="2"/>
  <c r="BJ117" i="2"/>
  <c r="BI117" i="2"/>
  <c r="BH117" i="2"/>
  <c r="BG117" i="2"/>
  <c r="BF117" i="2"/>
  <c r="BE117" i="2"/>
  <c r="BD117" i="2"/>
  <c r="BC117" i="2"/>
  <c r="BB117" i="2"/>
  <c r="BA117" i="2"/>
  <c r="AZ117" i="2"/>
  <c r="AY117" i="2"/>
  <c r="AX117" i="2"/>
  <c r="AW117" i="2"/>
  <c r="AV117" i="2"/>
  <c r="AU117" i="2"/>
  <c r="AT117" i="2"/>
  <c r="AS117" i="2"/>
  <c r="AR117" i="2"/>
  <c r="AQ117" i="2"/>
  <c r="AP117" i="2"/>
  <c r="AO117" i="2"/>
  <c r="AN117" i="2"/>
  <c r="AM117" i="2"/>
  <c r="AL117" i="2"/>
  <c r="AK117" i="2"/>
  <c r="AJ117" i="2"/>
  <c r="AI117" i="2"/>
  <c r="AH117" i="2"/>
  <c r="AG117" i="2"/>
  <c r="AF117" i="2"/>
  <c r="AE117" i="2"/>
  <c r="AD117" i="2"/>
  <c r="AC117" i="2"/>
  <c r="AB117" i="2"/>
  <c r="AA117" i="2"/>
  <c r="Z117" i="2"/>
  <c r="Y117" i="2"/>
  <c r="X117" i="2"/>
  <c r="W117" i="2"/>
  <c r="V117" i="2"/>
  <c r="U117" i="2"/>
  <c r="T117" i="2"/>
  <c r="S117" i="2"/>
  <c r="R117" i="2"/>
  <c r="Q117" i="2"/>
  <c r="P117" i="2"/>
  <c r="O117" i="2"/>
  <c r="N117" i="2"/>
  <c r="M117" i="2"/>
  <c r="L117" i="2"/>
  <c r="K117" i="2"/>
  <c r="J117" i="2"/>
  <c r="I117" i="2"/>
  <c r="H117" i="2"/>
  <c r="G117" i="2"/>
  <c r="F117" i="2"/>
  <c r="E117" i="2"/>
  <c r="D117" i="2"/>
  <c r="BQ116" i="2"/>
  <c r="BP116" i="2"/>
  <c r="BO116" i="2"/>
  <c r="BN116" i="2"/>
  <c r="BM116" i="2"/>
  <c r="BL116" i="2"/>
  <c r="BK116" i="2"/>
  <c r="BJ116" i="2"/>
  <c r="BI116" i="2"/>
  <c r="BH116" i="2"/>
  <c r="BG116" i="2"/>
  <c r="BF116" i="2"/>
  <c r="BE116" i="2"/>
  <c r="BD116" i="2"/>
  <c r="BC116" i="2"/>
  <c r="BB116" i="2"/>
  <c r="BA116" i="2"/>
  <c r="AZ116" i="2"/>
  <c r="AY116" i="2"/>
  <c r="AX116" i="2"/>
  <c r="AW116" i="2"/>
  <c r="AV116" i="2"/>
  <c r="AU116" i="2"/>
  <c r="AT116" i="2"/>
  <c r="AS116" i="2"/>
  <c r="AR116" i="2"/>
  <c r="AQ116" i="2"/>
  <c r="AP116" i="2"/>
  <c r="AO116" i="2"/>
  <c r="AN116" i="2"/>
  <c r="AM116" i="2"/>
  <c r="AL116" i="2"/>
  <c r="AK116" i="2"/>
  <c r="AJ116" i="2"/>
  <c r="AI116" i="2"/>
  <c r="AH116" i="2"/>
  <c r="AG116" i="2"/>
  <c r="AF116" i="2"/>
  <c r="AE116" i="2"/>
  <c r="AD116" i="2"/>
  <c r="AC116" i="2"/>
  <c r="AB116" i="2"/>
  <c r="AA116" i="2"/>
  <c r="Z116" i="2"/>
  <c r="Y116" i="2"/>
  <c r="X116" i="2"/>
  <c r="W116" i="2"/>
  <c r="V116" i="2"/>
  <c r="U116" i="2"/>
  <c r="T116" i="2"/>
  <c r="S116" i="2"/>
  <c r="R116" i="2"/>
  <c r="Q116" i="2"/>
  <c r="P116" i="2"/>
  <c r="O116" i="2"/>
  <c r="N116" i="2"/>
  <c r="M116" i="2"/>
  <c r="L116" i="2"/>
  <c r="K116" i="2"/>
  <c r="J116" i="2"/>
  <c r="I116" i="2"/>
  <c r="H116" i="2"/>
  <c r="G116" i="2"/>
  <c r="F116" i="2"/>
  <c r="E116" i="2"/>
  <c r="D116" i="2"/>
  <c r="BQ115" i="2"/>
  <c r="BP115" i="2"/>
  <c r="BO115" i="2"/>
  <c r="BN115" i="2"/>
  <c r="BM115" i="2"/>
  <c r="BL115" i="2"/>
  <c r="BK115" i="2"/>
  <c r="BJ115" i="2"/>
  <c r="BI115" i="2"/>
  <c r="BH115" i="2"/>
  <c r="BG115" i="2"/>
  <c r="BF115" i="2"/>
  <c r="BE115" i="2"/>
  <c r="BD115" i="2"/>
  <c r="BC115" i="2"/>
  <c r="BB115" i="2"/>
  <c r="BA115" i="2"/>
  <c r="AZ115" i="2"/>
  <c r="AY115" i="2"/>
  <c r="AX115" i="2"/>
  <c r="AW115" i="2"/>
  <c r="AV115" i="2"/>
  <c r="AU115" i="2"/>
  <c r="AT115" i="2"/>
  <c r="AS115" i="2"/>
  <c r="AR115" i="2"/>
  <c r="AQ115" i="2"/>
  <c r="AP115" i="2"/>
  <c r="AO115" i="2"/>
  <c r="AN115" i="2"/>
  <c r="AM115" i="2"/>
  <c r="AL115" i="2"/>
  <c r="AK115" i="2"/>
  <c r="AJ115" i="2"/>
  <c r="AI115" i="2"/>
  <c r="AH115" i="2"/>
  <c r="AG115" i="2"/>
  <c r="AF115" i="2"/>
  <c r="AE115" i="2"/>
  <c r="AD115" i="2"/>
  <c r="AC115" i="2"/>
  <c r="AB115" i="2"/>
  <c r="AA115" i="2"/>
  <c r="Z115" i="2"/>
  <c r="Y115" i="2"/>
  <c r="X115" i="2"/>
  <c r="W115" i="2"/>
  <c r="V115" i="2"/>
  <c r="U115" i="2"/>
  <c r="T115" i="2"/>
  <c r="S115" i="2"/>
  <c r="R115" i="2"/>
  <c r="Q115" i="2"/>
  <c r="P115" i="2"/>
  <c r="O115" i="2"/>
  <c r="N115" i="2"/>
  <c r="M115" i="2"/>
  <c r="L115" i="2"/>
  <c r="K115" i="2"/>
  <c r="J115" i="2"/>
  <c r="I115" i="2"/>
  <c r="H115" i="2"/>
  <c r="G115" i="2"/>
  <c r="F115" i="2"/>
  <c r="E115" i="2"/>
  <c r="D115" i="2"/>
  <c r="BQ114" i="2"/>
  <c r="BP114" i="2"/>
  <c r="BO114" i="2"/>
  <c r="BN114" i="2"/>
  <c r="BM114" i="2"/>
  <c r="BL114" i="2"/>
  <c r="BK114" i="2"/>
  <c r="BJ114" i="2"/>
  <c r="BI114" i="2"/>
  <c r="BH114" i="2"/>
  <c r="BG114" i="2"/>
  <c r="BF114" i="2"/>
  <c r="BE114" i="2"/>
  <c r="BD114" i="2"/>
  <c r="BC114" i="2"/>
  <c r="BB114" i="2"/>
  <c r="BA114" i="2"/>
  <c r="AZ114" i="2"/>
  <c r="AY114" i="2"/>
  <c r="AX114" i="2"/>
  <c r="AW114" i="2"/>
  <c r="AV114" i="2"/>
  <c r="AU114" i="2"/>
  <c r="AT114" i="2"/>
  <c r="AS114" i="2"/>
  <c r="AR114" i="2"/>
  <c r="AQ114" i="2"/>
  <c r="AP114" i="2"/>
  <c r="AO114" i="2"/>
  <c r="AN114" i="2"/>
  <c r="AM114" i="2"/>
  <c r="AL114" i="2"/>
  <c r="AK114" i="2"/>
  <c r="AJ114" i="2"/>
  <c r="AI114" i="2"/>
  <c r="AH114" i="2"/>
  <c r="AG114" i="2"/>
  <c r="AF114" i="2"/>
  <c r="AE114" i="2"/>
  <c r="AD114" i="2"/>
  <c r="AC114" i="2"/>
  <c r="AB114" i="2"/>
  <c r="AA114" i="2"/>
  <c r="Z114" i="2"/>
  <c r="Y114" i="2"/>
  <c r="X114" i="2"/>
  <c r="W114" i="2"/>
  <c r="V114" i="2"/>
  <c r="U114" i="2"/>
  <c r="T114" i="2"/>
  <c r="S114" i="2"/>
  <c r="R114" i="2"/>
  <c r="Q114" i="2"/>
  <c r="P114" i="2"/>
  <c r="O114" i="2"/>
  <c r="N114" i="2"/>
  <c r="M114" i="2"/>
  <c r="L114" i="2"/>
  <c r="K114" i="2"/>
  <c r="J114" i="2"/>
  <c r="I114" i="2"/>
  <c r="H114" i="2"/>
  <c r="G114" i="2"/>
  <c r="F114" i="2"/>
  <c r="E114" i="2"/>
  <c r="D114" i="2"/>
  <c r="BQ113" i="2"/>
  <c r="BP113" i="2"/>
  <c r="BO113" i="2"/>
  <c r="BN113" i="2"/>
  <c r="BM113" i="2"/>
  <c r="BL113" i="2"/>
  <c r="BK113" i="2"/>
  <c r="BJ113" i="2"/>
  <c r="BI113" i="2"/>
  <c r="BH113" i="2"/>
  <c r="BG113" i="2"/>
  <c r="BF113" i="2"/>
  <c r="BE113" i="2"/>
  <c r="BD113" i="2"/>
  <c r="BC113" i="2"/>
  <c r="BB113" i="2"/>
  <c r="BA113" i="2"/>
  <c r="AZ113" i="2"/>
  <c r="AY113" i="2"/>
  <c r="AX113" i="2"/>
  <c r="AW113" i="2"/>
  <c r="AV113" i="2"/>
  <c r="AU113" i="2"/>
  <c r="AT113" i="2"/>
  <c r="AS113" i="2"/>
  <c r="AR113" i="2"/>
  <c r="AQ113" i="2"/>
  <c r="AP113" i="2"/>
  <c r="AO113" i="2"/>
  <c r="AN113" i="2"/>
  <c r="AM113" i="2"/>
  <c r="AL113" i="2"/>
  <c r="AK113" i="2"/>
  <c r="AJ113" i="2"/>
  <c r="AI113" i="2"/>
  <c r="AH113" i="2"/>
  <c r="AG113" i="2"/>
  <c r="AF113" i="2"/>
  <c r="AE113" i="2"/>
  <c r="AD113" i="2"/>
  <c r="AC113" i="2"/>
  <c r="AB113" i="2"/>
  <c r="AA113" i="2"/>
  <c r="Z113" i="2"/>
  <c r="Y113" i="2"/>
  <c r="X113" i="2"/>
  <c r="W113" i="2"/>
  <c r="V113" i="2"/>
  <c r="U113" i="2"/>
  <c r="T113" i="2"/>
  <c r="S113" i="2"/>
  <c r="R113" i="2"/>
  <c r="Q113" i="2"/>
  <c r="P113" i="2"/>
  <c r="O113" i="2"/>
  <c r="N113" i="2"/>
  <c r="M113" i="2"/>
  <c r="L113" i="2"/>
  <c r="K113" i="2"/>
  <c r="J113" i="2"/>
  <c r="I113" i="2"/>
  <c r="H113" i="2"/>
  <c r="G113" i="2"/>
  <c r="F113" i="2"/>
  <c r="E113" i="2"/>
  <c r="D113" i="2"/>
  <c r="BQ112" i="2"/>
  <c r="BP112" i="2"/>
  <c r="BO112" i="2"/>
  <c r="BN112" i="2"/>
  <c r="BM112" i="2"/>
  <c r="BL112" i="2"/>
  <c r="BK112" i="2"/>
  <c r="BJ112" i="2"/>
  <c r="BI112" i="2"/>
  <c r="BH112" i="2"/>
  <c r="BG112" i="2"/>
  <c r="BF112" i="2"/>
  <c r="BE112" i="2"/>
  <c r="BD112" i="2"/>
  <c r="BC112" i="2"/>
  <c r="BB112" i="2"/>
  <c r="BA112" i="2"/>
  <c r="AZ112" i="2"/>
  <c r="AY112" i="2"/>
  <c r="AX112" i="2"/>
  <c r="AW112" i="2"/>
  <c r="AV112" i="2"/>
  <c r="AU112" i="2"/>
  <c r="AT112" i="2"/>
  <c r="AS112" i="2"/>
  <c r="AR112" i="2"/>
  <c r="AQ112" i="2"/>
  <c r="AP112" i="2"/>
  <c r="AO112" i="2"/>
  <c r="AN112" i="2"/>
  <c r="AM112" i="2"/>
  <c r="AL112" i="2"/>
  <c r="AK112" i="2"/>
  <c r="AJ112" i="2"/>
  <c r="AI112" i="2"/>
  <c r="AH112" i="2"/>
  <c r="AG112" i="2"/>
  <c r="AF112" i="2"/>
  <c r="AE112" i="2"/>
  <c r="AD112" i="2"/>
  <c r="AC112" i="2"/>
  <c r="AB112" i="2"/>
  <c r="AA112" i="2"/>
  <c r="Z112" i="2"/>
  <c r="Y112" i="2"/>
  <c r="X112" i="2"/>
  <c r="W112" i="2"/>
  <c r="V112" i="2"/>
  <c r="U112" i="2"/>
  <c r="T112" i="2"/>
  <c r="S112" i="2"/>
  <c r="R112" i="2"/>
  <c r="Q112" i="2"/>
  <c r="P112" i="2"/>
  <c r="O112" i="2"/>
  <c r="N112" i="2"/>
  <c r="M112" i="2"/>
  <c r="L112" i="2"/>
  <c r="K112" i="2"/>
  <c r="J112" i="2"/>
  <c r="I112" i="2"/>
  <c r="H112" i="2"/>
  <c r="G112" i="2"/>
  <c r="F112" i="2"/>
  <c r="E112" i="2"/>
  <c r="D112" i="2"/>
  <c r="BQ111" i="2"/>
  <c r="BP111" i="2"/>
  <c r="BO111" i="2"/>
  <c r="BN111" i="2"/>
  <c r="BM111" i="2"/>
  <c r="BL111" i="2"/>
  <c r="BK111" i="2"/>
  <c r="BJ111" i="2"/>
  <c r="BI111" i="2"/>
  <c r="BH111" i="2"/>
  <c r="BG111" i="2"/>
  <c r="BF111" i="2"/>
  <c r="BE111" i="2"/>
  <c r="BD111" i="2"/>
  <c r="BC111" i="2"/>
  <c r="BB111" i="2"/>
  <c r="BA111" i="2"/>
  <c r="AZ111" i="2"/>
  <c r="AY111" i="2"/>
  <c r="AX111" i="2"/>
  <c r="AW111" i="2"/>
  <c r="AV111" i="2"/>
  <c r="AU111" i="2"/>
  <c r="AT111" i="2"/>
  <c r="AS111" i="2"/>
  <c r="AR111" i="2"/>
  <c r="AQ111" i="2"/>
  <c r="AP111" i="2"/>
  <c r="AO111" i="2"/>
  <c r="AN111" i="2"/>
  <c r="AM111" i="2"/>
  <c r="AL111" i="2"/>
  <c r="AK111" i="2"/>
  <c r="AJ111" i="2"/>
  <c r="AI111" i="2"/>
  <c r="AH111" i="2"/>
  <c r="AG111" i="2"/>
  <c r="AF111" i="2"/>
  <c r="AE111" i="2"/>
  <c r="AD111" i="2"/>
  <c r="AC111" i="2"/>
  <c r="AB111" i="2"/>
  <c r="AA111" i="2"/>
  <c r="Z111" i="2"/>
  <c r="Y111" i="2"/>
  <c r="X111" i="2"/>
  <c r="W111" i="2"/>
  <c r="V111" i="2"/>
  <c r="U111" i="2"/>
  <c r="T111" i="2"/>
  <c r="S111" i="2"/>
  <c r="R111" i="2"/>
  <c r="Q111" i="2"/>
  <c r="P111" i="2"/>
  <c r="O111" i="2"/>
  <c r="N111" i="2"/>
  <c r="M111" i="2"/>
  <c r="L111" i="2"/>
  <c r="K111" i="2"/>
  <c r="J111" i="2"/>
  <c r="I111" i="2"/>
  <c r="H111" i="2"/>
  <c r="G111" i="2"/>
  <c r="F111" i="2"/>
  <c r="E111" i="2"/>
  <c r="D111" i="2"/>
  <c r="BQ110" i="2"/>
  <c r="BP110" i="2"/>
  <c r="BO110" i="2"/>
  <c r="BN110" i="2"/>
  <c r="BM110" i="2"/>
  <c r="BL110" i="2"/>
  <c r="BK110" i="2"/>
  <c r="BJ110" i="2"/>
  <c r="BI110" i="2"/>
  <c r="BH110" i="2"/>
  <c r="BG110" i="2"/>
  <c r="BF110" i="2"/>
  <c r="BE110" i="2"/>
  <c r="BD110" i="2"/>
  <c r="BC110" i="2"/>
  <c r="BB110" i="2"/>
  <c r="BA110" i="2"/>
  <c r="AZ110" i="2"/>
  <c r="AY110" i="2"/>
  <c r="AX110" i="2"/>
  <c r="AW110" i="2"/>
  <c r="AV110" i="2"/>
  <c r="AU110" i="2"/>
  <c r="AT110" i="2"/>
  <c r="AS110" i="2"/>
  <c r="AR110" i="2"/>
  <c r="AQ110" i="2"/>
  <c r="AP110" i="2"/>
  <c r="AO110" i="2"/>
  <c r="AN110" i="2"/>
  <c r="AM110" i="2"/>
  <c r="AL110" i="2"/>
  <c r="AK110" i="2"/>
  <c r="AJ110" i="2"/>
  <c r="AI110" i="2"/>
  <c r="AH110" i="2"/>
  <c r="AG110" i="2"/>
  <c r="AF110" i="2"/>
  <c r="AE110" i="2"/>
  <c r="AD110" i="2"/>
  <c r="AC110" i="2"/>
  <c r="AB110" i="2"/>
  <c r="AA110" i="2"/>
  <c r="Z110" i="2"/>
  <c r="Y110" i="2"/>
  <c r="X110" i="2"/>
  <c r="W110" i="2"/>
  <c r="V110" i="2"/>
  <c r="U110" i="2"/>
  <c r="T110" i="2"/>
  <c r="S110" i="2"/>
  <c r="R110" i="2"/>
  <c r="Q110" i="2"/>
  <c r="P110" i="2"/>
  <c r="O110" i="2"/>
  <c r="N110" i="2"/>
  <c r="M110" i="2"/>
  <c r="L110" i="2"/>
  <c r="K110" i="2"/>
  <c r="J110" i="2"/>
  <c r="I110" i="2"/>
  <c r="H110" i="2"/>
  <c r="G110" i="2"/>
  <c r="F110" i="2"/>
  <c r="E110" i="2"/>
  <c r="D110" i="2"/>
  <c r="BQ109" i="2"/>
  <c r="BP109" i="2"/>
  <c r="BO109" i="2"/>
  <c r="BN109" i="2"/>
  <c r="BM109" i="2"/>
  <c r="BL109" i="2"/>
  <c r="BK109" i="2"/>
  <c r="BJ109" i="2"/>
  <c r="BI109" i="2"/>
  <c r="BH109" i="2"/>
  <c r="BG109" i="2"/>
  <c r="BF109" i="2"/>
  <c r="BE109" i="2"/>
  <c r="BD109" i="2"/>
  <c r="BC109" i="2"/>
  <c r="BB109" i="2"/>
  <c r="BA109" i="2"/>
  <c r="AZ109" i="2"/>
  <c r="AY109" i="2"/>
  <c r="AX109" i="2"/>
  <c r="AW109" i="2"/>
  <c r="AV109" i="2"/>
  <c r="AU109" i="2"/>
  <c r="AT109" i="2"/>
  <c r="AS109" i="2"/>
  <c r="AR109" i="2"/>
  <c r="AQ109" i="2"/>
  <c r="AP109" i="2"/>
  <c r="AO109" i="2"/>
  <c r="AN109" i="2"/>
  <c r="AM109" i="2"/>
  <c r="AL109" i="2"/>
  <c r="AK109" i="2"/>
  <c r="AJ109" i="2"/>
  <c r="AI109" i="2"/>
  <c r="AH109" i="2"/>
  <c r="AG109" i="2"/>
  <c r="AF109" i="2"/>
  <c r="AE109" i="2"/>
  <c r="AD109" i="2"/>
  <c r="AC109" i="2"/>
  <c r="AB109" i="2"/>
  <c r="AA109" i="2"/>
  <c r="Z109" i="2"/>
  <c r="Y109" i="2"/>
  <c r="X109" i="2"/>
  <c r="W109" i="2"/>
  <c r="V109" i="2"/>
  <c r="U109" i="2"/>
  <c r="T109" i="2"/>
  <c r="S109" i="2"/>
  <c r="R109" i="2"/>
  <c r="Q109" i="2"/>
  <c r="P109" i="2"/>
  <c r="O109" i="2"/>
  <c r="N109" i="2"/>
  <c r="M109" i="2"/>
  <c r="L109" i="2"/>
  <c r="K109" i="2"/>
  <c r="J109" i="2"/>
  <c r="I109" i="2"/>
  <c r="H109" i="2"/>
  <c r="G109" i="2"/>
  <c r="F109" i="2"/>
  <c r="E109" i="2"/>
  <c r="D109" i="2"/>
  <c r="BQ108" i="2"/>
  <c r="BP108" i="2"/>
  <c r="BO108" i="2"/>
  <c r="BN108" i="2"/>
  <c r="BM108" i="2"/>
  <c r="BL108" i="2"/>
  <c r="BK108" i="2"/>
  <c r="BJ108" i="2"/>
  <c r="BI108" i="2"/>
  <c r="BH108" i="2"/>
  <c r="BG108" i="2"/>
  <c r="BF108" i="2"/>
  <c r="BE108" i="2"/>
  <c r="BD108" i="2"/>
  <c r="BC108" i="2"/>
  <c r="BB108" i="2"/>
  <c r="BA108" i="2"/>
  <c r="AZ108" i="2"/>
  <c r="AY108" i="2"/>
  <c r="AX108" i="2"/>
  <c r="AW108" i="2"/>
  <c r="AV108" i="2"/>
  <c r="AU108" i="2"/>
  <c r="AT108" i="2"/>
  <c r="AS108" i="2"/>
  <c r="AR108" i="2"/>
  <c r="AQ108" i="2"/>
  <c r="AP108" i="2"/>
  <c r="AO108" i="2"/>
  <c r="AN108" i="2"/>
  <c r="AM108" i="2"/>
  <c r="AL108" i="2"/>
  <c r="AK108" i="2"/>
  <c r="AJ108" i="2"/>
  <c r="AI108" i="2"/>
  <c r="AH108" i="2"/>
  <c r="AG108" i="2"/>
  <c r="AF108" i="2"/>
  <c r="AE108" i="2"/>
  <c r="AD108" i="2"/>
  <c r="AC108" i="2"/>
  <c r="AB108" i="2"/>
  <c r="AA108" i="2"/>
  <c r="Z108" i="2"/>
  <c r="Y108" i="2"/>
  <c r="X108" i="2"/>
  <c r="W108" i="2"/>
  <c r="V108" i="2"/>
  <c r="U108" i="2"/>
  <c r="T108" i="2"/>
  <c r="S108" i="2"/>
  <c r="R108" i="2"/>
  <c r="Q108" i="2"/>
  <c r="P108" i="2"/>
  <c r="O108" i="2"/>
  <c r="N108" i="2"/>
  <c r="M108" i="2"/>
  <c r="L108" i="2"/>
  <c r="K108" i="2"/>
  <c r="J108" i="2"/>
  <c r="I108" i="2"/>
  <c r="H108" i="2"/>
  <c r="G108" i="2"/>
  <c r="F108" i="2"/>
  <c r="E108" i="2"/>
  <c r="D108" i="2"/>
  <c r="BQ107" i="2"/>
  <c r="BP107" i="2"/>
  <c r="BO107" i="2"/>
  <c r="BN107" i="2"/>
  <c r="BM107" i="2"/>
  <c r="BL107" i="2"/>
  <c r="BK107" i="2"/>
  <c r="BJ107" i="2"/>
  <c r="BI107" i="2"/>
  <c r="BH107" i="2"/>
  <c r="BG107" i="2"/>
  <c r="BF107" i="2"/>
  <c r="BE107" i="2"/>
  <c r="BD107" i="2"/>
  <c r="BC107" i="2"/>
  <c r="BB107" i="2"/>
  <c r="BA107" i="2"/>
  <c r="AZ107" i="2"/>
  <c r="AY107" i="2"/>
  <c r="AX107" i="2"/>
  <c r="AW107" i="2"/>
  <c r="AV107" i="2"/>
  <c r="AU107" i="2"/>
  <c r="AT107" i="2"/>
  <c r="AS107" i="2"/>
  <c r="AR107" i="2"/>
  <c r="AQ107" i="2"/>
  <c r="AP107" i="2"/>
  <c r="AO107" i="2"/>
  <c r="AN107" i="2"/>
  <c r="AM107" i="2"/>
  <c r="AL107" i="2"/>
  <c r="AK107" i="2"/>
  <c r="AJ107" i="2"/>
  <c r="AI107" i="2"/>
  <c r="AH107" i="2"/>
  <c r="AG107" i="2"/>
  <c r="AF107" i="2"/>
  <c r="AE107" i="2"/>
  <c r="AD107" i="2"/>
  <c r="AC107" i="2"/>
  <c r="AB107" i="2"/>
  <c r="AA107" i="2"/>
  <c r="Z107" i="2"/>
  <c r="Y107" i="2"/>
  <c r="X107" i="2"/>
  <c r="W107" i="2"/>
  <c r="V107" i="2"/>
  <c r="U107" i="2"/>
  <c r="T107" i="2"/>
  <c r="S107" i="2"/>
  <c r="R107" i="2"/>
  <c r="Q107" i="2"/>
  <c r="P107" i="2"/>
  <c r="O107" i="2"/>
  <c r="N107" i="2"/>
  <c r="M107" i="2"/>
  <c r="L107" i="2"/>
  <c r="K107" i="2"/>
  <c r="J107" i="2"/>
  <c r="I107" i="2"/>
  <c r="H107" i="2"/>
  <c r="G107" i="2"/>
  <c r="F107" i="2"/>
  <c r="E107" i="2"/>
  <c r="D107" i="2"/>
  <c r="BQ106" i="2"/>
  <c r="BP106" i="2"/>
  <c r="BO106" i="2"/>
  <c r="BN106" i="2"/>
  <c r="BM106" i="2"/>
  <c r="BL106" i="2"/>
  <c r="BK106" i="2"/>
  <c r="BJ106" i="2"/>
  <c r="BI106" i="2"/>
  <c r="BH106" i="2"/>
  <c r="BG106" i="2"/>
  <c r="BF106" i="2"/>
  <c r="BE106" i="2"/>
  <c r="BD106" i="2"/>
  <c r="BC106" i="2"/>
  <c r="BB106" i="2"/>
  <c r="BA106" i="2"/>
  <c r="AZ106" i="2"/>
  <c r="AY106" i="2"/>
  <c r="AX106" i="2"/>
  <c r="AW106" i="2"/>
  <c r="AV106" i="2"/>
  <c r="AU106" i="2"/>
  <c r="AT106" i="2"/>
  <c r="AS106" i="2"/>
  <c r="AR106" i="2"/>
  <c r="AQ106" i="2"/>
  <c r="AP106" i="2"/>
  <c r="AO106" i="2"/>
  <c r="AN106" i="2"/>
  <c r="AM106" i="2"/>
  <c r="AL106" i="2"/>
  <c r="AK106" i="2"/>
  <c r="AJ106" i="2"/>
  <c r="AI106" i="2"/>
  <c r="AH106" i="2"/>
  <c r="AG106" i="2"/>
  <c r="AF106" i="2"/>
  <c r="AE106" i="2"/>
  <c r="AD106" i="2"/>
  <c r="AC106" i="2"/>
  <c r="AB106" i="2"/>
  <c r="AA106" i="2"/>
  <c r="Z106" i="2"/>
  <c r="Y106" i="2"/>
  <c r="X106" i="2"/>
  <c r="W106" i="2"/>
  <c r="V106" i="2"/>
  <c r="U106" i="2"/>
  <c r="T106" i="2"/>
  <c r="S106" i="2"/>
  <c r="R106" i="2"/>
  <c r="Q106" i="2"/>
  <c r="P106" i="2"/>
  <c r="O106" i="2"/>
  <c r="N106" i="2"/>
  <c r="M106" i="2"/>
  <c r="L106" i="2"/>
  <c r="K106" i="2"/>
  <c r="J106" i="2"/>
  <c r="I106" i="2"/>
  <c r="H106" i="2"/>
  <c r="G106" i="2"/>
  <c r="F106" i="2"/>
  <c r="E106" i="2"/>
  <c r="D106" i="2"/>
  <c r="BQ105" i="2"/>
  <c r="BP105" i="2"/>
  <c r="BO105" i="2"/>
  <c r="BN105" i="2"/>
  <c r="BM105" i="2"/>
  <c r="BL105" i="2"/>
  <c r="BK105" i="2"/>
  <c r="BJ105" i="2"/>
  <c r="BI105" i="2"/>
  <c r="BH105" i="2"/>
  <c r="BG105" i="2"/>
  <c r="BF105" i="2"/>
  <c r="BE105" i="2"/>
  <c r="BD105" i="2"/>
  <c r="BC105" i="2"/>
  <c r="BB105" i="2"/>
  <c r="BA105" i="2"/>
  <c r="AZ105" i="2"/>
  <c r="AY105" i="2"/>
  <c r="AX105" i="2"/>
  <c r="AW105" i="2"/>
  <c r="AV105" i="2"/>
  <c r="AU105" i="2"/>
  <c r="AT105" i="2"/>
  <c r="AS105" i="2"/>
  <c r="AR105" i="2"/>
  <c r="AQ105" i="2"/>
  <c r="AP105" i="2"/>
  <c r="AO105" i="2"/>
  <c r="AN105" i="2"/>
  <c r="AM105" i="2"/>
  <c r="AL105" i="2"/>
  <c r="AK105" i="2"/>
  <c r="AJ105" i="2"/>
  <c r="AI105" i="2"/>
  <c r="AH105" i="2"/>
  <c r="AG105" i="2"/>
  <c r="AF105" i="2"/>
  <c r="AE105" i="2"/>
  <c r="AD105" i="2"/>
  <c r="AC105" i="2"/>
  <c r="AB105" i="2"/>
  <c r="AA105" i="2"/>
  <c r="Z105" i="2"/>
  <c r="Y105" i="2"/>
  <c r="X105" i="2"/>
  <c r="W105" i="2"/>
  <c r="V105" i="2"/>
  <c r="U105" i="2"/>
  <c r="T105" i="2"/>
  <c r="S105" i="2"/>
  <c r="R105" i="2"/>
  <c r="Q105" i="2"/>
  <c r="P105" i="2"/>
  <c r="O105" i="2"/>
  <c r="N105" i="2"/>
  <c r="M105" i="2"/>
  <c r="L105" i="2"/>
  <c r="K105" i="2"/>
  <c r="J105" i="2"/>
  <c r="I105" i="2"/>
  <c r="H105" i="2"/>
  <c r="G105" i="2"/>
  <c r="F105" i="2"/>
  <c r="E105" i="2"/>
  <c r="D105" i="2"/>
  <c r="BQ104" i="2"/>
  <c r="BP104" i="2"/>
  <c r="BO104" i="2"/>
  <c r="BN104" i="2"/>
  <c r="BM104" i="2"/>
  <c r="BL104" i="2"/>
  <c r="BK104" i="2"/>
  <c r="BJ104" i="2"/>
  <c r="BI104" i="2"/>
  <c r="BH104" i="2"/>
  <c r="BG104" i="2"/>
  <c r="BF104" i="2"/>
  <c r="BE104" i="2"/>
  <c r="BD104" i="2"/>
  <c r="BC104" i="2"/>
  <c r="BB104" i="2"/>
  <c r="BA104" i="2"/>
  <c r="AZ104" i="2"/>
  <c r="AY104" i="2"/>
  <c r="AX104" i="2"/>
  <c r="AW104" i="2"/>
  <c r="AV104" i="2"/>
  <c r="AU104" i="2"/>
  <c r="AT104" i="2"/>
  <c r="AS104" i="2"/>
  <c r="AR104" i="2"/>
  <c r="AQ104" i="2"/>
  <c r="AP104" i="2"/>
  <c r="AO104" i="2"/>
  <c r="AN104" i="2"/>
  <c r="AM104" i="2"/>
  <c r="AL104" i="2"/>
  <c r="AK104" i="2"/>
  <c r="AJ104" i="2"/>
  <c r="AI104" i="2"/>
  <c r="AH104" i="2"/>
  <c r="AG104" i="2"/>
  <c r="AF104" i="2"/>
  <c r="AE104" i="2"/>
  <c r="AD104" i="2"/>
  <c r="AC104" i="2"/>
  <c r="AB104" i="2"/>
  <c r="AA104" i="2"/>
  <c r="Z104" i="2"/>
  <c r="Y104" i="2"/>
  <c r="X104" i="2"/>
  <c r="W104" i="2"/>
  <c r="V104" i="2"/>
  <c r="U104" i="2"/>
  <c r="T104" i="2"/>
  <c r="S104" i="2"/>
  <c r="R104" i="2"/>
  <c r="Q104" i="2"/>
  <c r="P104" i="2"/>
  <c r="O104" i="2"/>
  <c r="N104" i="2"/>
  <c r="M104" i="2"/>
  <c r="L104" i="2"/>
  <c r="K104" i="2"/>
  <c r="J104" i="2"/>
  <c r="I104" i="2"/>
  <c r="H104" i="2"/>
  <c r="G104" i="2"/>
  <c r="F104" i="2"/>
  <c r="E104" i="2"/>
  <c r="D104" i="2"/>
  <c r="BQ103" i="2"/>
  <c r="BP103" i="2"/>
  <c r="BO103" i="2"/>
  <c r="BN103" i="2"/>
  <c r="BM103" i="2"/>
  <c r="BL103" i="2"/>
  <c r="BK103" i="2"/>
  <c r="BJ103" i="2"/>
  <c r="BI103" i="2"/>
  <c r="BH103" i="2"/>
  <c r="BG103" i="2"/>
  <c r="BF103" i="2"/>
  <c r="BE103" i="2"/>
  <c r="BD103" i="2"/>
  <c r="BC103" i="2"/>
  <c r="BB103" i="2"/>
  <c r="BA103" i="2"/>
  <c r="AZ103" i="2"/>
  <c r="AY103" i="2"/>
  <c r="AX103" i="2"/>
  <c r="AW103" i="2"/>
  <c r="AV103" i="2"/>
  <c r="AU103" i="2"/>
  <c r="AT103" i="2"/>
  <c r="AS103" i="2"/>
  <c r="AR103" i="2"/>
  <c r="AQ103" i="2"/>
  <c r="AP103" i="2"/>
  <c r="AO103" i="2"/>
  <c r="AN103" i="2"/>
  <c r="AM103" i="2"/>
  <c r="AL103" i="2"/>
  <c r="AK103" i="2"/>
  <c r="AJ103" i="2"/>
  <c r="AI103" i="2"/>
  <c r="AH103" i="2"/>
  <c r="AG103" i="2"/>
  <c r="AF103" i="2"/>
  <c r="AE103" i="2"/>
  <c r="AD103" i="2"/>
  <c r="AC103" i="2"/>
  <c r="AB103" i="2"/>
  <c r="AA103" i="2"/>
  <c r="Z103" i="2"/>
  <c r="Y103" i="2"/>
  <c r="X103" i="2"/>
  <c r="W103" i="2"/>
  <c r="V103" i="2"/>
  <c r="U103" i="2"/>
  <c r="T103" i="2"/>
  <c r="S103" i="2"/>
  <c r="R103" i="2"/>
  <c r="Q103" i="2"/>
  <c r="P103" i="2"/>
  <c r="O103" i="2"/>
  <c r="N103" i="2"/>
  <c r="M103" i="2"/>
  <c r="L103" i="2"/>
  <c r="K103" i="2"/>
  <c r="J103" i="2"/>
  <c r="I103" i="2"/>
  <c r="H103" i="2"/>
  <c r="G103" i="2"/>
  <c r="F103" i="2"/>
  <c r="E103" i="2"/>
  <c r="D103" i="2"/>
  <c r="BQ102" i="2"/>
  <c r="BP102" i="2"/>
  <c r="BO102" i="2"/>
  <c r="BN102" i="2"/>
  <c r="BM102" i="2"/>
  <c r="BL102" i="2"/>
  <c r="BK102" i="2"/>
  <c r="BJ102" i="2"/>
  <c r="BI102" i="2"/>
  <c r="BH102" i="2"/>
  <c r="BG102" i="2"/>
  <c r="BF102" i="2"/>
  <c r="BE102" i="2"/>
  <c r="BD102" i="2"/>
  <c r="BC102" i="2"/>
  <c r="BB102" i="2"/>
  <c r="BA102" i="2"/>
  <c r="AZ102" i="2"/>
  <c r="AY102" i="2"/>
  <c r="AX102" i="2"/>
  <c r="AW102" i="2"/>
  <c r="AV102" i="2"/>
  <c r="AU102" i="2"/>
  <c r="AT102" i="2"/>
  <c r="AS102" i="2"/>
  <c r="AR102" i="2"/>
  <c r="AQ102" i="2"/>
  <c r="AP102" i="2"/>
  <c r="AO102" i="2"/>
  <c r="AN102" i="2"/>
  <c r="AM102" i="2"/>
  <c r="AL102" i="2"/>
  <c r="AK102" i="2"/>
  <c r="AJ102" i="2"/>
  <c r="AI102" i="2"/>
  <c r="AH102" i="2"/>
  <c r="AG102" i="2"/>
  <c r="AF102" i="2"/>
  <c r="AE102" i="2"/>
  <c r="AD102" i="2"/>
  <c r="AC102" i="2"/>
  <c r="AB102" i="2"/>
  <c r="AA102" i="2"/>
  <c r="Z102" i="2"/>
  <c r="Y102" i="2"/>
  <c r="X102" i="2"/>
  <c r="W102" i="2"/>
  <c r="V102" i="2"/>
  <c r="U102" i="2"/>
  <c r="T102" i="2"/>
  <c r="S102" i="2"/>
  <c r="R102" i="2"/>
  <c r="Q102" i="2"/>
  <c r="P102" i="2"/>
  <c r="O102" i="2"/>
  <c r="N102" i="2"/>
  <c r="M102" i="2"/>
  <c r="L102" i="2"/>
  <c r="K102" i="2"/>
  <c r="J102" i="2"/>
  <c r="I102" i="2"/>
  <c r="H102" i="2"/>
  <c r="G102" i="2"/>
  <c r="F102" i="2"/>
  <c r="E102" i="2"/>
  <c r="D102" i="2"/>
  <c r="BQ101" i="2"/>
  <c r="BP101" i="2"/>
  <c r="BO101" i="2"/>
  <c r="BN101" i="2"/>
  <c r="BM101" i="2"/>
  <c r="BL101" i="2"/>
  <c r="BK101" i="2"/>
  <c r="BJ101" i="2"/>
  <c r="BI101" i="2"/>
  <c r="BH101" i="2"/>
  <c r="BG101" i="2"/>
  <c r="BF101" i="2"/>
  <c r="BE101" i="2"/>
  <c r="BD101" i="2"/>
  <c r="BC101" i="2"/>
  <c r="BB101" i="2"/>
  <c r="BA101" i="2"/>
  <c r="AZ101" i="2"/>
  <c r="AY101" i="2"/>
  <c r="AX101" i="2"/>
  <c r="AW101" i="2"/>
  <c r="AV101" i="2"/>
  <c r="AU101" i="2"/>
  <c r="AT101" i="2"/>
  <c r="AS101" i="2"/>
  <c r="AR101" i="2"/>
  <c r="AQ101" i="2"/>
  <c r="AP101" i="2"/>
  <c r="AO101" i="2"/>
  <c r="AN101" i="2"/>
  <c r="AM101" i="2"/>
  <c r="AL101" i="2"/>
  <c r="AK101" i="2"/>
  <c r="AJ101" i="2"/>
  <c r="AI101" i="2"/>
  <c r="AH101" i="2"/>
  <c r="AG101" i="2"/>
  <c r="AF101" i="2"/>
  <c r="AE101" i="2"/>
  <c r="AD101" i="2"/>
  <c r="AC101" i="2"/>
  <c r="AB101" i="2"/>
  <c r="AA101" i="2"/>
  <c r="Z101" i="2"/>
  <c r="Y101" i="2"/>
  <c r="X101" i="2"/>
  <c r="W101" i="2"/>
  <c r="V101" i="2"/>
  <c r="U101" i="2"/>
  <c r="T101" i="2"/>
  <c r="S101" i="2"/>
  <c r="R101" i="2"/>
  <c r="Q101" i="2"/>
  <c r="P101" i="2"/>
  <c r="O101" i="2"/>
  <c r="N101" i="2"/>
  <c r="M101" i="2"/>
  <c r="L101" i="2"/>
  <c r="K101" i="2"/>
  <c r="J101" i="2"/>
  <c r="I101" i="2"/>
  <c r="H101" i="2"/>
  <c r="G101" i="2"/>
  <c r="F101" i="2"/>
  <c r="E101" i="2"/>
  <c r="D101" i="2"/>
  <c r="BQ100" i="2"/>
  <c r="BP100" i="2"/>
  <c r="BO100" i="2"/>
  <c r="BN100" i="2"/>
  <c r="BM100" i="2"/>
  <c r="BL100" i="2"/>
  <c r="BK100" i="2"/>
  <c r="BJ100" i="2"/>
  <c r="BI100" i="2"/>
  <c r="BH100" i="2"/>
  <c r="BG100" i="2"/>
  <c r="BF100" i="2"/>
  <c r="BE100" i="2"/>
  <c r="BD100" i="2"/>
  <c r="BC100" i="2"/>
  <c r="BB100" i="2"/>
  <c r="BA100" i="2"/>
  <c r="AZ100" i="2"/>
  <c r="AY100" i="2"/>
  <c r="AX100" i="2"/>
  <c r="AW100" i="2"/>
  <c r="AV100" i="2"/>
  <c r="AU100" i="2"/>
  <c r="AT100" i="2"/>
  <c r="AS100" i="2"/>
  <c r="AR100" i="2"/>
  <c r="AQ100" i="2"/>
  <c r="AP100" i="2"/>
  <c r="AO100" i="2"/>
  <c r="AN100" i="2"/>
  <c r="AM100" i="2"/>
  <c r="AL100" i="2"/>
  <c r="AK100" i="2"/>
  <c r="AJ100" i="2"/>
  <c r="AI100" i="2"/>
  <c r="AH100" i="2"/>
  <c r="AG100" i="2"/>
  <c r="AF100" i="2"/>
  <c r="AE100" i="2"/>
  <c r="AD100" i="2"/>
  <c r="AC100" i="2"/>
  <c r="AB100" i="2"/>
  <c r="AA100" i="2"/>
  <c r="Z100" i="2"/>
  <c r="Y100" i="2"/>
  <c r="X100" i="2"/>
  <c r="W100" i="2"/>
  <c r="V100" i="2"/>
  <c r="U100" i="2"/>
  <c r="T100" i="2"/>
  <c r="S100" i="2"/>
  <c r="R100" i="2"/>
  <c r="Q100" i="2"/>
  <c r="P100" i="2"/>
  <c r="O100" i="2"/>
  <c r="N100" i="2"/>
  <c r="M100" i="2"/>
  <c r="L100" i="2"/>
  <c r="K100" i="2"/>
  <c r="J100" i="2"/>
  <c r="I100" i="2"/>
  <c r="H100" i="2"/>
  <c r="G100" i="2"/>
  <c r="F100" i="2"/>
  <c r="E100" i="2"/>
  <c r="D100" i="2"/>
  <c r="BQ99" i="2"/>
  <c r="BP99" i="2"/>
  <c r="BO99" i="2"/>
  <c r="BN99" i="2"/>
  <c r="BM99" i="2"/>
  <c r="BL99" i="2"/>
  <c r="BK99" i="2"/>
  <c r="BJ99" i="2"/>
  <c r="BI99" i="2"/>
  <c r="BH99" i="2"/>
  <c r="BG99" i="2"/>
  <c r="BF99" i="2"/>
  <c r="BE99" i="2"/>
  <c r="BD99" i="2"/>
  <c r="BC99" i="2"/>
  <c r="BB99" i="2"/>
  <c r="BA99" i="2"/>
  <c r="AZ99" i="2"/>
  <c r="AY99" i="2"/>
  <c r="AX99" i="2"/>
  <c r="AW99" i="2"/>
  <c r="AV99" i="2"/>
  <c r="AU99" i="2"/>
  <c r="AT99" i="2"/>
  <c r="AS99" i="2"/>
  <c r="AR99" i="2"/>
  <c r="AQ99" i="2"/>
  <c r="AP99" i="2"/>
  <c r="AO99" i="2"/>
  <c r="AN99" i="2"/>
  <c r="AM99" i="2"/>
  <c r="AL99" i="2"/>
  <c r="AK99" i="2"/>
  <c r="AJ99" i="2"/>
  <c r="AI99" i="2"/>
  <c r="AH99" i="2"/>
  <c r="AG99" i="2"/>
  <c r="AF99" i="2"/>
  <c r="AE99" i="2"/>
  <c r="AD99" i="2"/>
  <c r="AC99" i="2"/>
  <c r="AB99" i="2"/>
  <c r="AA99" i="2"/>
  <c r="Z99" i="2"/>
  <c r="Y99" i="2"/>
  <c r="X99" i="2"/>
  <c r="W99" i="2"/>
  <c r="V99" i="2"/>
  <c r="U99" i="2"/>
  <c r="T99" i="2"/>
  <c r="S99" i="2"/>
  <c r="R99" i="2"/>
  <c r="Q99" i="2"/>
  <c r="P99" i="2"/>
  <c r="O99" i="2"/>
  <c r="N99" i="2"/>
  <c r="M99" i="2"/>
  <c r="L99" i="2"/>
  <c r="K99" i="2"/>
  <c r="J99" i="2"/>
  <c r="I99" i="2"/>
  <c r="H99" i="2"/>
  <c r="G99" i="2"/>
  <c r="F99" i="2"/>
  <c r="E99" i="2"/>
  <c r="D99" i="2"/>
  <c r="BQ98" i="2"/>
  <c r="BP98" i="2"/>
  <c r="BO98" i="2"/>
  <c r="BN98" i="2"/>
  <c r="BM98" i="2"/>
  <c r="BL98" i="2"/>
  <c r="BK98" i="2"/>
  <c r="BJ98" i="2"/>
  <c r="BI98" i="2"/>
  <c r="BH98" i="2"/>
  <c r="BG98" i="2"/>
  <c r="BF98" i="2"/>
  <c r="BE98" i="2"/>
  <c r="BD98" i="2"/>
  <c r="BC98" i="2"/>
  <c r="BB98" i="2"/>
  <c r="BA98" i="2"/>
  <c r="AZ98" i="2"/>
  <c r="AY98" i="2"/>
  <c r="AX98" i="2"/>
  <c r="AW98" i="2"/>
  <c r="AV98" i="2"/>
  <c r="AU98" i="2"/>
  <c r="AT98" i="2"/>
  <c r="AS98" i="2"/>
  <c r="AR98" i="2"/>
  <c r="AQ98" i="2"/>
  <c r="AP98" i="2"/>
  <c r="AO98" i="2"/>
  <c r="AN98" i="2"/>
  <c r="AM98" i="2"/>
  <c r="AL98" i="2"/>
  <c r="AK98" i="2"/>
  <c r="AJ98" i="2"/>
  <c r="AI98" i="2"/>
  <c r="AH98" i="2"/>
  <c r="AG98" i="2"/>
  <c r="AF98" i="2"/>
  <c r="AE98" i="2"/>
  <c r="AD98" i="2"/>
  <c r="AC98" i="2"/>
  <c r="AB98" i="2"/>
  <c r="AA98" i="2"/>
  <c r="Z98" i="2"/>
  <c r="Y98" i="2"/>
  <c r="X98" i="2"/>
  <c r="W98" i="2"/>
  <c r="V98" i="2"/>
  <c r="U98" i="2"/>
  <c r="T98" i="2"/>
  <c r="S98" i="2"/>
  <c r="R98" i="2"/>
  <c r="Q98" i="2"/>
  <c r="P98" i="2"/>
  <c r="O98" i="2"/>
  <c r="N98" i="2"/>
  <c r="M98" i="2"/>
  <c r="L98" i="2"/>
  <c r="K98" i="2"/>
  <c r="J98" i="2"/>
  <c r="I98" i="2"/>
  <c r="H98" i="2"/>
  <c r="G98" i="2"/>
  <c r="F98" i="2"/>
  <c r="E98" i="2"/>
  <c r="D98" i="2"/>
  <c r="BQ97" i="2"/>
  <c r="BP97" i="2"/>
  <c r="BO97" i="2"/>
  <c r="BN97" i="2"/>
  <c r="BM97" i="2"/>
  <c r="BL97" i="2"/>
  <c r="BK97" i="2"/>
  <c r="BJ97" i="2"/>
  <c r="BI97" i="2"/>
  <c r="BH97" i="2"/>
  <c r="BG97" i="2"/>
  <c r="BF97" i="2"/>
  <c r="BE97" i="2"/>
  <c r="BD97" i="2"/>
  <c r="BC97" i="2"/>
  <c r="BB97" i="2"/>
  <c r="BA97" i="2"/>
  <c r="AZ97" i="2"/>
  <c r="AY97" i="2"/>
  <c r="AX97" i="2"/>
  <c r="AW97" i="2"/>
  <c r="AV97" i="2"/>
  <c r="AU97" i="2"/>
  <c r="AT97" i="2"/>
  <c r="AS97" i="2"/>
  <c r="AR97" i="2"/>
  <c r="AQ97" i="2"/>
  <c r="AP97" i="2"/>
  <c r="AO97" i="2"/>
  <c r="AN97" i="2"/>
  <c r="AM97" i="2"/>
  <c r="AL97" i="2"/>
  <c r="AK97" i="2"/>
  <c r="AJ97" i="2"/>
  <c r="AI97" i="2"/>
  <c r="AH97" i="2"/>
  <c r="AG97" i="2"/>
  <c r="AF97" i="2"/>
  <c r="AE97" i="2"/>
  <c r="AD97" i="2"/>
  <c r="AC97" i="2"/>
  <c r="AB97" i="2"/>
  <c r="AA97" i="2"/>
  <c r="Z97" i="2"/>
  <c r="Y97" i="2"/>
  <c r="X97" i="2"/>
  <c r="W97" i="2"/>
  <c r="V97" i="2"/>
  <c r="U97" i="2"/>
  <c r="T97" i="2"/>
  <c r="S97" i="2"/>
  <c r="R97" i="2"/>
  <c r="Q97" i="2"/>
  <c r="P97" i="2"/>
  <c r="O97" i="2"/>
  <c r="N97" i="2"/>
  <c r="M97" i="2"/>
  <c r="L97" i="2"/>
  <c r="K97" i="2"/>
  <c r="J97" i="2"/>
  <c r="I97" i="2"/>
  <c r="H97" i="2"/>
  <c r="G97" i="2"/>
  <c r="F97" i="2"/>
  <c r="E97" i="2"/>
  <c r="D97" i="2"/>
  <c r="BQ96" i="2"/>
  <c r="BP96" i="2"/>
  <c r="BO96" i="2"/>
  <c r="BN96" i="2"/>
  <c r="BM96" i="2"/>
  <c r="BL96" i="2"/>
  <c r="BK96" i="2"/>
  <c r="BJ96" i="2"/>
  <c r="BI96" i="2"/>
  <c r="BH96" i="2"/>
  <c r="BG96" i="2"/>
  <c r="BF96" i="2"/>
  <c r="BE96" i="2"/>
  <c r="BD96" i="2"/>
  <c r="BC96" i="2"/>
  <c r="BB96" i="2"/>
  <c r="BA96" i="2"/>
  <c r="AZ96" i="2"/>
  <c r="AY96" i="2"/>
  <c r="AX96" i="2"/>
  <c r="AW96" i="2"/>
  <c r="AV96" i="2"/>
  <c r="AU96" i="2"/>
  <c r="AT96" i="2"/>
  <c r="AS96" i="2"/>
  <c r="AR96" i="2"/>
  <c r="AQ96" i="2"/>
  <c r="AP96" i="2"/>
  <c r="AO96" i="2"/>
  <c r="AN96" i="2"/>
  <c r="AM96" i="2"/>
  <c r="AL96" i="2"/>
  <c r="AK96" i="2"/>
  <c r="AJ96" i="2"/>
  <c r="AI96" i="2"/>
  <c r="AH96" i="2"/>
  <c r="AG96" i="2"/>
  <c r="AF96" i="2"/>
  <c r="AE96" i="2"/>
  <c r="AD96" i="2"/>
  <c r="AC96" i="2"/>
  <c r="AB96" i="2"/>
  <c r="AA96" i="2"/>
  <c r="Z96" i="2"/>
  <c r="Y96" i="2"/>
  <c r="X96" i="2"/>
  <c r="W96" i="2"/>
  <c r="V96" i="2"/>
  <c r="U96" i="2"/>
  <c r="T96" i="2"/>
  <c r="S96" i="2"/>
  <c r="R96" i="2"/>
  <c r="Q96" i="2"/>
  <c r="P96" i="2"/>
  <c r="O96" i="2"/>
  <c r="N96" i="2"/>
  <c r="M96" i="2"/>
  <c r="L96" i="2"/>
  <c r="K96" i="2"/>
  <c r="J96" i="2"/>
  <c r="I96" i="2"/>
  <c r="H96" i="2"/>
  <c r="G96" i="2"/>
  <c r="F96" i="2"/>
  <c r="E96" i="2"/>
  <c r="D96" i="2"/>
  <c r="BQ95" i="2"/>
  <c r="BP95" i="2"/>
  <c r="BO95" i="2"/>
  <c r="BN95" i="2"/>
  <c r="BM95" i="2"/>
  <c r="BL95" i="2"/>
  <c r="BK95" i="2"/>
  <c r="BJ95" i="2"/>
  <c r="BI95" i="2"/>
  <c r="BH95" i="2"/>
  <c r="BG95" i="2"/>
  <c r="BF95" i="2"/>
  <c r="BE95" i="2"/>
  <c r="BD95" i="2"/>
  <c r="BC95" i="2"/>
  <c r="BB95" i="2"/>
  <c r="BA95" i="2"/>
  <c r="AZ95" i="2"/>
  <c r="AY95" i="2"/>
  <c r="AX95" i="2"/>
  <c r="AW95" i="2"/>
  <c r="AV95" i="2"/>
  <c r="AU95" i="2"/>
  <c r="AT95" i="2"/>
  <c r="AS95" i="2"/>
  <c r="AR95" i="2"/>
  <c r="AQ95" i="2"/>
  <c r="AP95" i="2"/>
  <c r="AO95" i="2"/>
  <c r="AN95" i="2"/>
  <c r="AM95" i="2"/>
  <c r="AL95" i="2"/>
  <c r="AK95" i="2"/>
  <c r="AJ95" i="2"/>
  <c r="AI95" i="2"/>
  <c r="AH95" i="2"/>
  <c r="AG95" i="2"/>
  <c r="AF95" i="2"/>
  <c r="AE95" i="2"/>
  <c r="AD95" i="2"/>
  <c r="AC95" i="2"/>
  <c r="AB95" i="2"/>
  <c r="AA95" i="2"/>
  <c r="Z95" i="2"/>
  <c r="Y95" i="2"/>
  <c r="X95" i="2"/>
  <c r="W95" i="2"/>
  <c r="V95" i="2"/>
  <c r="U95" i="2"/>
  <c r="T95" i="2"/>
  <c r="S95" i="2"/>
  <c r="R95" i="2"/>
  <c r="Q95" i="2"/>
  <c r="P95" i="2"/>
  <c r="O95" i="2"/>
  <c r="N95" i="2"/>
  <c r="M95" i="2"/>
  <c r="L95" i="2"/>
  <c r="K95" i="2"/>
  <c r="J95" i="2"/>
  <c r="I95" i="2"/>
  <c r="H95" i="2"/>
  <c r="G95" i="2"/>
  <c r="F95" i="2"/>
  <c r="E95" i="2"/>
  <c r="D95" i="2"/>
  <c r="BQ94" i="2"/>
  <c r="BP94" i="2"/>
  <c r="BO94" i="2"/>
  <c r="BN94" i="2"/>
  <c r="BM94" i="2"/>
  <c r="BL94" i="2"/>
  <c r="BK94" i="2"/>
  <c r="BJ94" i="2"/>
  <c r="BI94" i="2"/>
  <c r="BH94" i="2"/>
  <c r="BG94" i="2"/>
  <c r="BF94" i="2"/>
  <c r="BE94" i="2"/>
  <c r="BD94" i="2"/>
  <c r="BC94" i="2"/>
  <c r="BB94" i="2"/>
  <c r="BA94" i="2"/>
  <c r="AZ94" i="2"/>
  <c r="AY94" i="2"/>
  <c r="AX94" i="2"/>
  <c r="AW94" i="2"/>
  <c r="AV94" i="2"/>
  <c r="AU94" i="2"/>
  <c r="AT94" i="2"/>
  <c r="AS94" i="2"/>
  <c r="AR94" i="2"/>
  <c r="AQ94" i="2"/>
  <c r="AP94" i="2"/>
  <c r="AO94" i="2"/>
  <c r="AN94" i="2"/>
  <c r="AM94" i="2"/>
  <c r="AL94" i="2"/>
  <c r="AK94" i="2"/>
  <c r="AJ94" i="2"/>
  <c r="AI94" i="2"/>
  <c r="AH94" i="2"/>
  <c r="AG94" i="2"/>
  <c r="AF94" i="2"/>
  <c r="AE94" i="2"/>
  <c r="AD94" i="2"/>
  <c r="AC94" i="2"/>
  <c r="AB94" i="2"/>
  <c r="AA94" i="2"/>
  <c r="Z94" i="2"/>
  <c r="Y94" i="2"/>
  <c r="X94" i="2"/>
  <c r="W94" i="2"/>
  <c r="V94" i="2"/>
  <c r="U94" i="2"/>
  <c r="T94" i="2"/>
  <c r="S94" i="2"/>
  <c r="R94" i="2"/>
  <c r="Q94" i="2"/>
  <c r="P94" i="2"/>
  <c r="O94" i="2"/>
  <c r="N94" i="2"/>
  <c r="M94" i="2"/>
  <c r="L94" i="2"/>
  <c r="K94" i="2"/>
  <c r="J94" i="2"/>
  <c r="I94" i="2"/>
  <c r="H94" i="2"/>
  <c r="G94" i="2"/>
  <c r="F94" i="2"/>
  <c r="E94" i="2"/>
  <c r="D94" i="2"/>
  <c r="BQ93" i="2"/>
  <c r="BP93" i="2"/>
  <c r="BO93" i="2"/>
  <c r="BN93" i="2"/>
  <c r="BM93" i="2"/>
  <c r="BL93" i="2"/>
  <c r="BK93" i="2"/>
  <c r="BJ93" i="2"/>
  <c r="BI93" i="2"/>
  <c r="BH93" i="2"/>
  <c r="BG93" i="2"/>
  <c r="BF93" i="2"/>
  <c r="BE93" i="2"/>
  <c r="BD93" i="2"/>
  <c r="BC93" i="2"/>
  <c r="BB93" i="2"/>
  <c r="BA93" i="2"/>
  <c r="AZ93" i="2"/>
  <c r="AY93" i="2"/>
  <c r="AX93" i="2"/>
  <c r="AW93" i="2"/>
  <c r="AV93" i="2"/>
  <c r="AU93" i="2"/>
  <c r="AT93" i="2"/>
  <c r="AS93" i="2"/>
  <c r="AR93" i="2"/>
  <c r="AQ93" i="2"/>
  <c r="AP93" i="2"/>
  <c r="AO93" i="2"/>
  <c r="AN93" i="2"/>
  <c r="AM93" i="2"/>
  <c r="AL93" i="2"/>
  <c r="AK93" i="2"/>
  <c r="AJ93" i="2"/>
  <c r="AI93" i="2"/>
  <c r="AH93" i="2"/>
  <c r="AG93" i="2"/>
  <c r="AF93" i="2"/>
  <c r="AE93" i="2"/>
  <c r="AD93" i="2"/>
  <c r="AC93" i="2"/>
  <c r="AB93" i="2"/>
  <c r="AA93" i="2"/>
  <c r="Z93" i="2"/>
  <c r="Y93" i="2"/>
  <c r="X93" i="2"/>
  <c r="W93" i="2"/>
  <c r="V93" i="2"/>
  <c r="U93" i="2"/>
  <c r="T93" i="2"/>
  <c r="S93" i="2"/>
  <c r="R93" i="2"/>
  <c r="Q93" i="2"/>
  <c r="P93" i="2"/>
  <c r="O93" i="2"/>
  <c r="N93" i="2"/>
  <c r="M93" i="2"/>
  <c r="L93" i="2"/>
  <c r="K93" i="2"/>
  <c r="J93" i="2"/>
  <c r="I93" i="2"/>
  <c r="H93" i="2"/>
  <c r="G93" i="2"/>
  <c r="F93" i="2"/>
  <c r="E93" i="2"/>
  <c r="D93" i="2"/>
  <c r="BQ92" i="2"/>
  <c r="BP92" i="2"/>
  <c r="BO92" i="2"/>
  <c r="BN92" i="2"/>
  <c r="BM92" i="2"/>
  <c r="BL92" i="2"/>
  <c r="BK92" i="2"/>
  <c r="BJ92" i="2"/>
  <c r="BI92" i="2"/>
  <c r="BH92" i="2"/>
  <c r="BG92" i="2"/>
  <c r="BF92" i="2"/>
  <c r="BE92" i="2"/>
  <c r="BD92" i="2"/>
  <c r="BC92" i="2"/>
  <c r="BB92" i="2"/>
  <c r="BA92" i="2"/>
  <c r="AZ92" i="2"/>
  <c r="AY92" i="2"/>
  <c r="AX92" i="2"/>
  <c r="AW92" i="2"/>
  <c r="AV92" i="2"/>
  <c r="AU92" i="2"/>
  <c r="AT92" i="2"/>
  <c r="AS92" i="2"/>
  <c r="AR92" i="2"/>
  <c r="AQ92" i="2"/>
  <c r="AP92" i="2"/>
  <c r="AO92" i="2"/>
  <c r="AN92" i="2"/>
  <c r="AM92" i="2"/>
  <c r="AL92" i="2"/>
  <c r="AK92" i="2"/>
  <c r="AJ92" i="2"/>
  <c r="AI92" i="2"/>
  <c r="AH92" i="2"/>
  <c r="AG92" i="2"/>
  <c r="AF92" i="2"/>
  <c r="AE92" i="2"/>
  <c r="AD92" i="2"/>
  <c r="AC92" i="2"/>
  <c r="AB92" i="2"/>
  <c r="AA92" i="2"/>
  <c r="Z92" i="2"/>
  <c r="Y92" i="2"/>
  <c r="X92" i="2"/>
  <c r="W92" i="2"/>
  <c r="V92" i="2"/>
  <c r="U92" i="2"/>
  <c r="T92" i="2"/>
  <c r="S92" i="2"/>
  <c r="R92" i="2"/>
  <c r="Q92" i="2"/>
  <c r="P92" i="2"/>
  <c r="O92" i="2"/>
  <c r="N92" i="2"/>
  <c r="M92" i="2"/>
  <c r="L92" i="2"/>
  <c r="K92" i="2"/>
  <c r="J92" i="2"/>
  <c r="I92" i="2"/>
  <c r="H92" i="2"/>
  <c r="G92" i="2"/>
  <c r="F92" i="2"/>
  <c r="E92" i="2"/>
  <c r="D92" i="2"/>
  <c r="BQ91" i="2"/>
  <c r="BP91" i="2"/>
  <c r="BO91" i="2"/>
  <c r="BN91" i="2"/>
  <c r="BM91" i="2"/>
  <c r="BL91" i="2"/>
  <c r="BK91" i="2"/>
  <c r="BJ91" i="2"/>
  <c r="BI91" i="2"/>
  <c r="BH91" i="2"/>
  <c r="BG91" i="2"/>
  <c r="BF91" i="2"/>
  <c r="BE91" i="2"/>
  <c r="BD91" i="2"/>
  <c r="BC91" i="2"/>
  <c r="BB91" i="2"/>
  <c r="BA91" i="2"/>
  <c r="AZ91" i="2"/>
  <c r="AY91" i="2"/>
  <c r="AX91" i="2"/>
  <c r="AW91" i="2"/>
  <c r="AV91" i="2"/>
  <c r="AU91" i="2"/>
  <c r="AT91" i="2"/>
  <c r="AS91" i="2"/>
  <c r="AR91" i="2"/>
  <c r="AQ91" i="2"/>
  <c r="AP91" i="2"/>
  <c r="AO91" i="2"/>
  <c r="AN91" i="2"/>
  <c r="AM91" i="2"/>
  <c r="AL91" i="2"/>
  <c r="AK91" i="2"/>
  <c r="AJ91" i="2"/>
  <c r="AI91" i="2"/>
  <c r="AH91" i="2"/>
  <c r="AG91" i="2"/>
  <c r="AF91" i="2"/>
  <c r="AE91" i="2"/>
  <c r="AD91" i="2"/>
  <c r="AC91" i="2"/>
  <c r="AB91" i="2"/>
  <c r="AA91" i="2"/>
  <c r="Z91" i="2"/>
  <c r="Y91" i="2"/>
  <c r="X91" i="2"/>
  <c r="W91" i="2"/>
  <c r="V91" i="2"/>
  <c r="U91" i="2"/>
  <c r="T91" i="2"/>
  <c r="S91" i="2"/>
  <c r="R91" i="2"/>
  <c r="Q91" i="2"/>
  <c r="P91" i="2"/>
  <c r="O91" i="2"/>
  <c r="N91" i="2"/>
  <c r="M91" i="2"/>
  <c r="L91" i="2"/>
  <c r="K91" i="2"/>
  <c r="J91" i="2"/>
  <c r="I91" i="2"/>
  <c r="H91" i="2"/>
  <c r="G91" i="2"/>
  <c r="F91" i="2"/>
  <c r="E91" i="2"/>
  <c r="D91" i="2"/>
  <c r="BQ90" i="2"/>
  <c r="BP90" i="2"/>
  <c r="BO90" i="2"/>
  <c r="BN90" i="2"/>
  <c r="BM90" i="2"/>
  <c r="BL90" i="2"/>
  <c r="BK90" i="2"/>
  <c r="BJ90" i="2"/>
  <c r="BI90" i="2"/>
  <c r="BH90" i="2"/>
  <c r="BG90" i="2"/>
  <c r="BF90" i="2"/>
  <c r="BE90" i="2"/>
  <c r="BD90" i="2"/>
  <c r="BC90" i="2"/>
  <c r="BB90" i="2"/>
  <c r="BA90" i="2"/>
  <c r="AZ90" i="2"/>
  <c r="AY90" i="2"/>
  <c r="AX90" i="2"/>
  <c r="AW90" i="2"/>
  <c r="AV90" i="2"/>
  <c r="AU90" i="2"/>
  <c r="AT90" i="2"/>
  <c r="AS90" i="2"/>
  <c r="AR90" i="2"/>
  <c r="AQ90" i="2"/>
  <c r="AP90" i="2"/>
  <c r="AO90" i="2"/>
  <c r="AN90" i="2"/>
  <c r="AM90" i="2"/>
  <c r="AL90" i="2"/>
  <c r="AK90" i="2"/>
  <c r="AJ90" i="2"/>
  <c r="AI90" i="2"/>
  <c r="AH90" i="2"/>
  <c r="AG90" i="2"/>
  <c r="AF90" i="2"/>
  <c r="AE90" i="2"/>
  <c r="AD90" i="2"/>
  <c r="AC90" i="2"/>
  <c r="AB90" i="2"/>
  <c r="AA90" i="2"/>
  <c r="Z90" i="2"/>
  <c r="Y90" i="2"/>
  <c r="X90" i="2"/>
  <c r="W90" i="2"/>
  <c r="V90" i="2"/>
  <c r="U90" i="2"/>
  <c r="T90" i="2"/>
  <c r="S90" i="2"/>
  <c r="R90" i="2"/>
  <c r="Q90" i="2"/>
  <c r="P90" i="2"/>
  <c r="O90" i="2"/>
  <c r="N90" i="2"/>
  <c r="M90" i="2"/>
  <c r="L90" i="2"/>
  <c r="K90" i="2"/>
  <c r="J90" i="2"/>
  <c r="I90" i="2"/>
  <c r="H90" i="2"/>
  <c r="G90" i="2"/>
  <c r="F90" i="2"/>
  <c r="E90" i="2"/>
  <c r="D90" i="2"/>
  <c r="BQ89" i="2"/>
  <c r="BP89" i="2"/>
  <c r="BO89" i="2"/>
  <c r="BN89" i="2"/>
  <c r="BM89" i="2"/>
  <c r="BL89" i="2"/>
  <c r="BK89" i="2"/>
  <c r="BJ89" i="2"/>
  <c r="BI89" i="2"/>
  <c r="BH89" i="2"/>
  <c r="BG89" i="2"/>
  <c r="BF89" i="2"/>
  <c r="BE89" i="2"/>
  <c r="BD89" i="2"/>
  <c r="BC89" i="2"/>
  <c r="BB89" i="2"/>
  <c r="BA89" i="2"/>
  <c r="AZ89" i="2"/>
  <c r="AY89" i="2"/>
  <c r="AX89" i="2"/>
  <c r="AW89" i="2"/>
  <c r="AV89" i="2"/>
  <c r="AU89" i="2"/>
  <c r="AT89" i="2"/>
  <c r="AS89" i="2"/>
  <c r="AR89" i="2"/>
  <c r="AQ89" i="2"/>
  <c r="AP89" i="2"/>
  <c r="AO89" i="2"/>
  <c r="AN89" i="2"/>
  <c r="AM89" i="2"/>
  <c r="AL89" i="2"/>
  <c r="AK89" i="2"/>
  <c r="AJ89" i="2"/>
  <c r="AI89" i="2"/>
  <c r="AH89" i="2"/>
  <c r="AG89" i="2"/>
  <c r="AF89" i="2"/>
  <c r="AE89" i="2"/>
  <c r="AD89" i="2"/>
  <c r="AC89" i="2"/>
  <c r="AB89" i="2"/>
  <c r="AA89" i="2"/>
  <c r="Z89" i="2"/>
  <c r="Y89" i="2"/>
  <c r="X89" i="2"/>
  <c r="W89" i="2"/>
  <c r="V89" i="2"/>
  <c r="U89" i="2"/>
  <c r="T89" i="2"/>
  <c r="S89" i="2"/>
  <c r="R89" i="2"/>
  <c r="Q89" i="2"/>
  <c r="P89" i="2"/>
  <c r="O89" i="2"/>
  <c r="N89" i="2"/>
  <c r="M89" i="2"/>
  <c r="L89" i="2"/>
  <c r="K89" i="2"/>
  <c r="J89" i="2"/>
  <c r="I89" i="2"/>
  <c r="H89" i="2"/>
  <c r="G89" i="2"/>
  <c r="F89" i="2"/>
  <c r="E89" i="2"/>
  <c r="D89" i="2"/>
  <c r="BQ88" i="2"/>
  <c r="BP88" i="2"/>
  <c r="BO88" i="2"/>
  <c r="BN88" i="2"/>
  <c r="BM88" i="2"/>
  <c r="BL88" i="2"/>
  <c r="BK88" i="2"/>
  <c r="BJ88" i="2"/>
  <c r="BI88" i="2"/>
  <c r="BH88" i="2"/>
  <c r="BG88" i="2"/>
  <c r="BF88" i="2"/>
  <c r="BE88" i="2"/>
  <c r="BD88" i="2"/>
  <c r="BC88" i="2"/>
  <c r="BB88" i="2"/>
  <c r="BA88" i="2"/>
  <c r="AZ88" i="2"/>
  <c r="AY88" i="2"/>
  <c r="AX88" i="2"/>
  <c r="AW88" i="2"/>
  <c r="AV88" i="2"/>
  <c r="AU88" i="2"/>
  <c r="AT88" i="2"/>
  <c r="AS88" i="2"/>
  <c r="AR88" i="2"/>
  <c r="AQ88" i="2"/>
  <c r="AP88" i="2"/>
  <c r="AO88" i="2"/>
  <c r="AN88" i="2"/>
  <c r="AM88" i="2"/>
  <c r="AL88" i="2"/>
  <c r="AK88" i="2"/>
  <c r="AJ88" i="2"/>
  <c r="AI88" i="2"/>
  <c r="AH88" i="2"/>
  <c r="AG88" i="2"/>
  <c r="AF88" i="2"/>
  <c r="AE88" i="2"/>
  <c r="AD88" i="2"/>
  <c r="AC88" i="2"/>
  <c r="AB88" i="2"/>
  <c r="AA88" i="2"/>
  <c r="Z88" i="2"/>
  <c r="Y88" i="2"/>
  <c r="X88" i="2"/>
  <c r="W88" i="2"/>
  <c r="V88" i="2"/>
  <c r="U88" i="2"/>
  <c r="T88" i="2"/>
  <c r="S88" i="2"/>
  <c r="R88" i="2"/>
  <c r="Q88" i="2"/>
  <c r="P88" i="2"/>
  <c r="O88" i="2"/>
  <c r="N88" i="2"/>
  <c r="M88" i="2"/>
  <c r="L88" i="2"/>
  <c r="K88" i="2"/>
  <c r="J88" i="2"/>
  <c r="I88" i="2"/>
  <c r="H88" i="2"/>
  <c r="G88" i="2"/>
  <c r="F88" i="2"/>
  <c r="E88" i="2"/>
  <c r="D88" i="2"/>
  <c r="BQ87" i="2"/>
  <c r="BP87" i="2"/>
  <c r="BO87" i="2"/>
  <c r="BN87" i="2"/>
  <c r="BM87" i="2"/>
  <c r="BL87" i="2"/>
  <c r="BK87" i="2"/>
  <c r="BJ87" i="2"/>
  <c r="BI87" i="2"/>
  <c r="BH87" i="2"/>
  <c r="BG87" i="2"/>
  <c r="BF87" i="2"/>
  <c r="BE87" i="2"/>
  <c r="BD87" i="2"/>
  <c r="BC87" i="2"/>
  <c r="BB87" i="2"/>
  <c r="BA87" i="2"/>
  <c r="AZ87" i="2"/>
  <c r="AY87" i="2"/>
  <c r="AX87" i="2"/>
  <c r="AW87" i="2"/>
  <c r="AV87" i="2"/>
  <c r="AU87" i="2"/>
  <c r="AT87" i="2"/>
  <c r="AS87" i="2"/>
  <c r="AR87" i="2"/>
  <c r="AQ87" i="2"/>
  <c r="AP87" i="2"/>
  <c r="AO87" i="2"/>
  <c r="AN87" i="2"/>
  <c r="AM87" i="2"/>
  <c r="AL87" i="2"/>
  <c r="AK87" i="2"/>
  <c r="AJ87" i="2"/>
  <c r="AI87" i="2"/>
  <c r="AH87" i="2"/>
  <c r="AG87" i="2"/>
  <c r="AF87" i="2"/>
  <c r="AE87" i="2"/>
  <c r="AD87" i="2"/>
  <c r="AC87" i="2"/>
  <c r="AB87" i="2"/>
  <c r="AA87" i="2"/>
  <c r="Z87" i="2"/>
  <c r="Y87" i="2"/>
  <c r="X87" i="2"/>
  <c r="W87" i="2"/>
  <c r="V87" i="2"/>
  <c r="U87" i="2"/>
  <c r="T87" i="2"/>
  <c r="S87" i="2"/>
  <c r="R87" i="2"/>
  <c r="Q87" i="2"/>
  <c r="P87" i="2"/>
  <c r="O87" i="2"/>
  <c r="N87" i="2"/>
  <c r="M87" i="2"/>
  <c r="L87" i="2"/>
  <c r="K87" i="2"/>
  <c r="J87" i="2"/>
  <c r="I87" i="2"/>
  <c r="H87" i="2"/>
  <c r="G87" i="2"/>
  <c r="F87" i="2"/>
  <c r="E87" i="2"/>
  <c r="D87" i="2"/>
  <c r="BQ86" i="2"/>
  <c r="BP86" i="2"/>
  <c r="BO86" i="2"/>
  <c r="BN86" i="2"/>
  <c r="BM86" i="2"/>
  <c r="BL86" i="2"/>
  <c r="BK86" i="2"/>
  <c r="BJ86" i="2"/>
  <c r="BI86" i="2"/>
  <c r="BH86" i="2"/>
  <c r="BG86" i="2"/>
  <c r="BF86" i="2"/>
  <c r="BE86" i="2"/>
  <c r="BD86" i="2"/>
  <c r="BC86" i="2"/>
  <c r="BB86" i="2"/>
  <c r="BA86" i="2"/>
  <c r="AZ86" i="2"/>
  <c r="AY86" i="2"/>
  <c r="AX86" i="2"/>
  <c r="AW86" i="2"/>
  <c r="AV86" i="2"/>
  <c r="AU86" i="2"/>
  <c r="AT86" i="2"/>
  <c r="AS86" i="2"/>
  <c r="AR86" i="2"/>
  <c r="AQ86" i="2"/>
  <c r="AP86" i="2"/>
  <c r="AO86" i="2"/>
  <c r="AN86" i="2"/>
  <c r="AM86" i="2"/>
  <c r="AL86" i="2"/>
  <c r="AK86" i="2"/>
  <c r="AJ86" i="2"/>
  <c r="AI86" i="2"/>
  <c r="AH86" i="2"/>
  <c r="AG86" i="2"/>
  <c r="AF86" i="2"/>
  <c r="AE86" i="2"/>
  <c r="AD86" i="2"/>
  <c r="AC86" i="2"/>
  <c r="AB86" i="2"/>
  <c r="AA86" i="2"/>
  <c r="Z86" i="2"/>
  <c r="Y86" i="2"/>
  <c r="X86" i="2"/>
  <c r="W86" i="2"/>
  <c r="V86" i="2"/>
  <c r="U86" i="2"/>
  <c r="T86" i="2"/>
  <c r="S86" i="2"/>
  <c r="R86" i="2"/>
  <c r="Q86" i="2"/>
  <c r="P86" i="2"/>
  <c r="O86" i="2"/>
  <c r="N86" i="2"/>
  <c r="M86" i="2"/>
  <c r="L86" i="2"/>
  <c r="K86" i="2"/>
  <c r="J86" i="2"/>
  <c r="I86" i="2"/>
  <c r="H86" i="2"/>
  <c r="G86" i="2"/>
  <c r="F86" i="2"/>
  <c r="E86" i="2"/>
  <c r="D86" i="2"/>
  <c r="BQ85" i="2"/>
  <c r="BP85" i="2"/>
  <c r="BO85" i="2"/>
  <c r="BN85" i="2"/>
  <c r="BM85" i="2"/>
  <c r="BL85" i="2"/>
  <c r="BK85" i="2"/>
  <c r="BJ85" i="2"/>
  <c r="BI85" i="2"/>
  <c r="BH85" i="2"/>
  <c r="BG85" i="2"/>
  <c r="BF85" i="2"/>
  <c r="BE85" i="2"/>
  <c r="BD85" i="2"/>
  <c r="BC85" i="2"/>
  <c r="BB85" i="2"/>
  <c r="BA85" i="2"/>
  <c r="AZ85" i="2"/>
  <c r="AY85" i="2"/>
  <c r="AX85" i="2"/>
  <c r="AW85" i="2"/>
  <c r="AV85" i="2"/>
  <c r="AU85" i="2"/>
  <c r="AT85" i="2"/>
  <c r="AS85" i="2"/>
  <c r="AR85" i="2"/>
  <c r="AQ85" i="2"/>
  <c r="AP85" i="2"/>
  <c r="AO85" i="2"/>
  <c r="AN85" i="2"/>
  <c r="AM85" i="2"/>
  <c r="AL85" i="2"/>
  <c r="AK85" i="2"/>
  <c r="AJ85" i="2"/>
  <c r="AI85" i="2"/>
  <c r="AH85" i="2"/>
  <c r="AG85" i="2"/>
  <c r="AF85" i="2"/>
  <c r="AE85" i="2"/>
  <c r="AD85" i="2"/>
  <c r="AC85" i="2"/>
  <c r="AB85" i="2"/>
  <c r="AA85" i="2"/>
  <c r="Z85" i="2"/>
  <c r="Y85" i="2"/>
  <c r="X85" i="2"/>
  <c r="W85" i="2"/>
  <c r="V85" i="2"/>
  <c r="U85" i="2"/>
  <c r="T85" i="2"/>
  <c r="S85" i="2"/>
  <c r="R85" i="2"/>
  <c r="Q85" i="2"/>
  <c r="P85" i="2"/>
  <c r="O85" i="2"/>
  <c r="N85" i="2"/>
  <c r="M85" i="2"/>
  <c r="L85" i="2"/>
  <c r="K85" i="2"/>
  <c r="J85" i="2"/>
  <c r="I85" i="2"/>
  <c r="H85" i="2"/>
  <c r="G85" i="2"/>
  <c r="F85" i="2"/>
  <c r="E85" i="2"/>
  <c r="D85" i="2"/>
  <c r="BQ84" i="2"/>
  <c r="BP84" i="2"/>
  <c r="BO84" i="2"/>
  <c r="BN84" i="2"/>
  <c r="BM84" i="2"/>
  <c r="BL84" i="2"/>
  <c r="BK84" i="2"/>
  <c r="BJ84" i="2"/>
  <c r="BI84" i="2"/>
  <c r="BH84" i="2"/>
  <c r="BG84" i="2"/>
  <c r="BF84" i="2"/>
  <c r="BE84" i="2"/>
  <c r="BD84" i="2"/>
  <c r="BC84" i="2"/>
  <c r="BB84" i="2"/>
  <c r="BA84" i="2"/>
  <c r="AZ84" i="2"/>
  <c r="AY84" i="2"/>
  <c r="AX84" i="2"/>
  <c r="AW84" i="2"/>
  <c r="AV84" i="2"/>
  <c r="AU84" i="2"/>
  <c r="AT84" i="2"/>
  <c r="AS84" i="2"/>
  <c r="AR84" i="2"/>
  <c r="AQ84" i="2"/>
  <c r="AP84" i="2"/>
  <c r="AO84" i="2"/>
  <c r="AN84" i="2"/>
  <c r="AM84" i="2"/>
  <c r="AL84" i="2"/>
  <c r="AK84" i="2"/>
  <c r="AJ84" i="2"/>
  <c r="AI84" i="2"/>
  <c r="AH84" i="2"/>
  <c r="AG84" i="2"/>
  <c r="AF84" i="2"/>
  <c r="AE84" i="2"/>
  <c r="AD84" i="2"/>
  <c r="AC84" i="2"/>
  <c r="AB84" i="2"/>
  <c r="AA84" i="2"/>
  <c r="Z84" i="2"/>
  <c r="Y84" i="2"/>
  <c r="X84" i="2"/>
  <c r="W84" i="2"/>
  <c r="V84" i="2"/>
  <c r="U84" i="2"/>
  <c r="T84" i="2"/>
  <c r="S84" i="2"/>
  <c r="R84" i="2"/>
  <c r="Q84" i="2"/>
  <c r="P84" i="2"/>
  <c r="O84" i="2"/>
  <c r="N84" i="2"/>
  <c r="M84" i="2"/>
  <c r="L84" i="2"/>
  <c r="K84" i="2"/>
  <c r="J84" i="2"/>
  <c r="I84" i="2"/>
  <c r="H84" i="2"/>
  <c r="G84" i="2"/>
  <c r="F84" i="2"/>
  <c r="E84" i="2"/>
  <c r="D84" i="2"/>
  <c r="BQ83" i="2"/>
  <c r="BP83" i="2"/>
  <c r="BO83" i="2"/>
  <c r="BN83" i="2"/>
  <c r="BM83" i="2"/>
  <c r="BL83" i="2"/>
  <c r="BK83" i="2"/>
  <c r="BJ83" i="2"/>
  <c r="BI83" i="2"/>
  <c r="BH83" i="2"/>
  <c r="BG83" i="2"/>
  <c r="BF83" i="2"/>
  <c r="BE83" i="2"/>
  <c r="BD83" i="2"/>
  <c r="BC83" i="2"/>
  <c r="BB83" i="2"/>
  <c r="BA83" i="2"/>
  <c r="AZ83" i="2"/>
  <c r="AY83" i="2"/>
  <c r="AX83" i="2"/>
  <c r="AW83" i="2"/>
  <c r="AV83" i="2"/>
  <c r="AU83" i="2"/>
  <c r="AT83" i="2"/>
  <c r="AS83" i="2"/>
  <c r="AR83" i="2"/>
  <c r="AQ83" i="2"/>
  <c r="AP83" i="2"/>
  <c r="AO83" i="2"/>
  <c r="AN83" i="2"/>
  <c r="AM83" i="2"/>
  <c r="AL83" i="2"/>
  <c r="AK83" i="2"/>
  <c r="AJ83" i="2"/>
  <c r="AI83" i="2"/>
  <c r="AH83" i="2"/>
  <c r="AG83" i="2"/>
  <c r="AF83" i="2"/>
  <c r="AE83" i="2"/>
  <c r="AD83" i="2"/>
  <c r="AC83" i="2"/>
  <c r="AB83" i="2"/>
  <c r="AA83" i="2"/>
  <c r="Z83" i="2"/>
  <c r="Y83" i="2"/>
  <c r="X83" i="2"/>
  <c r="W83" i="2"/>
  <c r="V83" i="2"/>
  <c r="U83" i="2"/>
  <c r="T83" i="2"/>
  <c r="S83" i="2"/>
  <c r="R83" i="2"/>
  <c r="Q83" i="2"/>
  <c r="P83" i="2"/>
  <c r="O83" i="2"/>
  <c r="N83" i="2"/>
  <c r="M83" i="2"/>
  <c r="L83" i="2"/>
  <c r="K83" i="2"/>
  <c r="J83" i="2"/>
  <c r="I83" i="2"/>
  <c r="H83" i="2"/>
  <c r="G83" i="2"/>
  <c r="F83" i="2"/>
  <c r="E83" i="2"/>
  <c r="D83" i="2"/>
  <c r="BQ82" i="2"/>
  <c r="BP82" i="2"/>
  <c r="BO82" i="2"/>
  <c r="BN82" i="2"/>
  <c r="BM82" i="2"/>
  <c r="BL82" i="2"/>
  <c r="BK82" i="2"/>
  <c r="BJ82" i="2"/>
  <c r="BI82" i="2"/>
  <c r="BH82" i="2"/>
  <c r="BG82" i="2"/>
  <c r="BF82" i="2"/>
  <c r="BE82" i="2"/>
  <c r="BD82" i="2"/>
  <c r="BC82" i="2"/>
  <c r="BB82" i="2"/>
  <c r="BA82" i="2"/>
  <c r="AZ82" i="2"/>
  <c r="AY82" i="2"/>
  <c r="AX82" i="2"/>
  <c r="AW82" i="2"/>
  <c r="AV82" i="2"/>
  <c r="AU82" i="2"/>
  <c r="AT82" i="2"/>
  <c r="AS82" i="2"/>
  <c r="AR82" i="2"/>
  <c r="AQ82" i="2"/>
  <c r="AP82" i="2"/>
  <c r="AO82" i="2"/>
  <c r="AN82" i="2"/>
  <c r="AM82" i="2"/>
  <c r="AL82" i="2"/>
  <c r="AK82" i="2"/>
  <c r="AJ82" i="2"/>
  <c r="AI82" i="2"/>
  <c r="AH82" i="2"/>
  <c r="AG82" i="2"/>
  <c r="AF82" i="2"/>
  <c r="AE82" i="2"/>
  <c r="AD82" i="2"/>
  <c r="AC82" i="2"/>
  <c r="AB82" i="2"/>
  <c r="AA82" i="2"/>
  <c r="Z82" i="2"/>
  <c r="Y82" i="2"/>
  <c r="X82" i="2"/>
  <c r="W82" i="2"/>
  <c r="V82" i="2"/>
  <c r="U82" i="2"/>
  <c r="T82" i="2"/>
  <c r="S82" i="2"/>
  <c r="R82" i="2"/>
  <c r="Q82" i="2"/>
  <c r="P82" i="2"/>
  <c r="O82" i="2"/>
  <c r="N82" i="2"/>
  <c r="M82" i="2"/>
  <c r="L82" i="2"/>
  <c r="K82" i="2"/>
  <c r="J82" i="2"/>
  <c r="I82" i="2"/>
  <c r="H82" i="2"/>
  <c r="G82" i="2"/>
  <c r="F82" i="2"/>
  <c r="E82" i="2"/>
  <c r="D82" i="2"/>
  <c r="BQ81" i="2"/>
  <c r="BP81" i="2"/>
  <c r="BO81" i="2"/>
  <c r="BN81" i="2"/>
  <c r="BM81" i="2"/>
  <c r="BL81" i="2"/>
  <c r="BK81" i="2"/>
  <c r="BJ81" i="2"/>
  <c r="BI81" i="2"/>
  <c r="BH81" i="2"/>
  <c r="BG81" i="2"/>
  <c r="BF81" i="2"/>
  <c r="BE81" i="2"/>
  <c r="BD81" i="2"/>
  <c r="BC81" i="2"/>
  <c r="BB81" i="2"/>
  <c r="BA81" i="2"/>
  <c r="AZ81" i="2"/>
  <c r="AY81" i="2"/>
  <c r="AX81" i="2"/>
  <c r="AW81" i="2"/>
  <c r="AV81" i="2"/>
  <c r="AU81" i="2"/>
  <c r="AT81" i="2"/>
  <c r="AS81" i="2"/>
  <c r="AR81" i="2"/>
  <c r="AQ81" i="2"/>
  <c r="AP81" i="2"/>
  <c r="AO81" i="2"/>
  <c r="AN81" i="2"/>
  <c r="AM81" i="2"/>
  <c r="AL81" i="2"/>
  <c r="AK81" i="2"/>
  <c r="AJ81" i="2"/>
  <c r="AI81" i="2"/>
  <c r="AH81" i="2"/>
  <c r="AG81" i="2"/>
  <c r="AF81" i="2"/>
  <c r="AE81" i="2"/>
  <c r="AD81" i="2"/>
  <c r="AC81" i="2"/>
  <c r="AB81" i="2"/>
  <c r="AA81" i="2"/>
  <c r="Z81" i="2"/>
  <c r="Y81" i="2"/>
  <c r="X81" i="2"/>
  <c r="W81" i="2"/>
  <c r="V81" i="2"/>
  <c r="U81" i="2"/>
  <c r="T81" i="2"/>
  <c r="S81" i="2"/>
  <c r="R81" i="2"/>
  <c r="Q81" i="2"/>
  <c r="P81" i="2"/>
  <c r="O81" i="2"/>
  <c r="N81" i="2"/>
  <c r="M81" i="2"/>
  <c r="L81" i="2"/>
  <c r="K81" i="2"/>
  <c r="J81" i="2"/>
  <c r="I81" i="2"/>
  <c r="H81" i="2"/>
  <c r="G81" i="2"/>
  <c r="F81" i="2"/>
  <c r="E81" i="2"/>
  <c r="D81" i="2"/>
  <c r="BQ80" i="2"/>
  <c r="BP80" i="2"/>
  <c r="BO80" i="2"/>
  <c r="BN80" i="2"/>
  <c r="BM80" i="2"/>
  <c r="BL80" i="2"/>
  <c r="BK80" i="2"/>
  <c r="BJ80" i="2"/>
  <c r="BI80" i="2"/>
  <c r="BH80" i="2"/>
  <c r="BG80" i="2"/>
  <c r="BF80" i="2"/>
  <c r="BE80" i="2"/>
  <c r="BD80" i="2"/>
  <c r="BC80" i="2"/>
  <c r="BB80" i="2"/>
  <c r="BA80" i="2"/>
  <c r="AZ80" i="2"/>
  <c r="AY80" i="2"/>
  <c r="AX80" i="2"/>
  <c r="AW80" i="2"/>
  <c r="AV80" i="2"/>
  <c r="AU80" i="2"/>
  <c r="AT80" i="2"/>
  <c r="AS80" i="2"/>
  <c r="AR80" i="2"/>
  <c r="AQ80" i="2"/>
  <c r="AP80" i="2"/>
  <c r="AO80" i="2"/>
  <c r="AN80" i="2"/>
  <c r="AM80" i="2"/>
  <c r="AL80" i="2"/>
  <c r="AK80" i="2"/>
  <c r="AJ80" i="2"/>
  <c r="AI80" i="2"/>
  <c r="AH80" i="2"/>
  <c r="AG80" i="2"/>
  <c r="AF80" i="2"/>
  <c r="AE80" i="2"/>
  <c r="AD80" i="2"/>
  <c r="AC80" i="2"/>
  <c r="AB80" i="2"/>
  <c r="AA80" i="2"/>
  <c r="Z80" i="2"/>
  <c r="Y80" i="2"/>
  <c r="X80" i="2"/>
  <c r="W80" i="2"/>
  <c r="V80" i="2"/>
  <c r="U80" i="2"/>
  <c r="T80" i="2"/>
  <c r="S80" i="2"/>
  <c r="R80" i="2"/>
  <c r="Q80" i="2"/>
  <c r="P80" i="2"/>
  <c r="O80" i="2"/>
  <c r="N80" i="2"/>
  <c r="M80" i="2"/>
  <c r="L80" i="2"/>
  <c r="K80" i="2"/>
  <c r="J80" i="2"/>
  <c r="I80" i="2"/>
  <c r="H80" i="2"/>
  <c r="G80" i="2"/>
  <c r="F80" i="2"/>
  <c r="E80" i="2"/>
  <c r="D80" i="2"/>
  <c r="BQ79" i="2"/>
  <c r="BP79" i="2"/>
  <c r="BO79" i="2"/>
  <c r="BN79" i="2"/>
  <c r="BM79" i="2"/>
  <c r="BL79" i="2"/>
  <c r="BK79" i="2"/>
  <c r="BJ79" i="2"/>
  <c r="BI79" i="2"/>
  <c r="BH79" i="2"/>
  <c r="BG79" i="2"/>
  <c r="BF79" i="2"/>
  <c r="BE79" i="2"/>
  <c r="BD79" i="2"/>
  <c r="BC79" i="2"/>
  <c r="BB79" i="2"/>
  <c r="BA79" i="2"/>
  <c r="AZ79" i="2"/>
  <c r="AY79" i="2"/>
  <c r="AX79" i="2"/>
  <c r="AW79" i="2"/>
  <c r="AV79" i="2"/>
  <c r="AU79" i="2"/>
  <c r="AT79" i="2"/>
  <c r="AS79" i="2"/>
  <c r="AR79" i="2"/>
  <c r="AQ79" i="2"/>
  <c r="AP79" i="2"/>
  <c r="AO79" i="2"/>
  <c r="AN79" i="2"/>
  <c r="AM79" i="2"/>
  <c r="AL79" i="2"/>
  <c r="AK79" i="2"/>
  <c r="AJ79" i="2"/>
  <c r="AI79" i="2"/>
  <c r="AH79" i="2"/>
  <c r="AG79" i="2"/>
  <c r="AF79" i="2"/>
  <c r="AE79" i="2"/>
  <c r="AD79" i="2"/>
  <c r="AC79" i="2"/>
  <c r="AB79" i="2"/>
  <c r="AA79" i="2"/>
  <c r="Z79" i="2"/>
  <c r="Y79" i="2"/>
  <c r="X79" i="2"/>
  <c r="W79" i="2"/>
  <c r="V79" i="2"/>
  <c r="U79" i="2"/>
  <c r="T79" i="2"/>
  <c r="S79" i="2"/>
  <c r="R79" i="2"/>
  <c r="Q79" i="2"/>
  <c r="P79" i="2"/>
  <c r="O79" i="2"/>
  <c r="N79" i="2"/>
  <c r="M79" i="2"/>
  <c r="L79" i="2"/>
  <c r="K79" i="2"/>
  <c r="J79" i="2"/>
  <c r="I79" i="2"/>
  <c r="H79" i="2"/>
  <c r="G79" i="2"/>
  <c r="F79" i="2"/>
  <c r="E79" i="2"/>
  <c r="D79" i="2"/>
  <c r="BQ78" i="2"/>
  <c r="BP78" i="2"/>
  <c r="BO78" i="2"/>
  <c r="BN78" i="2"/>
  <c r="BM78" i="2"/>
  <c r="BL78" i="2"/>
  <c r="BK78" i="2"/>
  <c r="BJ78" i="2"/>
  <c r="BI78" i="2"/>
  <c r="BH78" i="2"/>
  <c r="BG78" i="2"/>
  <c r="BF78" i="2"/>
  <c r="BE78" i="2"/>
  <c r="BD78" i="2"/>
  <c r="BC78" i="2"/>
  <c r="BB78" i="2"/>
  <c r="BA78" i="2"/>
  <c r="AZ78" i="2"/>
  <c r="AY78" i="2"/>
  <c r="AX78" i="2"/>
  <c r="AW78" i="2"/>
  <c r="AV78" i="2"/>
  <c r="AU78" i="2"/>
  <c r="AT78" i="2"/>
  <c r="AS78" i="2"/>
  <c r="AR78" i="2"/>
  <c r="AQ78" i="2"/>
  <c r="AP78" i="2"/>
  <c r="AO78" i="2"/>
  <c r="AN78" i="2"/>
  <c r="AM78" i="2"/>
  <c r="AL78" i="2"/>
  <c r="AK78" i="2"/>
  <c r="AJ78" i="2"/>
  <c r="AI78" i="2"/>
  <c r="AH78" i="2"/>
  <c r="AG78" i="2"/>
  <c r="AF78" i="2"/>
  <c r="AE78" i="2"/>
  <c r="AD78" i="2"/>
  <c r="AC78" i="2"/>
  <c r="AB78" i="2"/>
  <c r="AA78" i="2"/>
  <c r="Z78" i="2"/>
  <c r="Y78" i="2"/>
  <c r="X78" i="2"/>
  <c r="W78" i="2"/>
  <c r="V78" i="2"/>
  <c r="U78" i="2"/>
  <c r="T78" i="2"/>
  <c r="S78" i="2"/>
  <c r="R78" i="2"/>
  <c r="Q78" i="2"/>
  <c r="P78" i="2"/>
  <c r="O78" i="2"/>
  <c r="N78" i="2"/>
  <c r="M78" i="2"/>
  <c r="L78" i="2"/>
  <c r="K78" i="2"/>
  <c r="J78" i="2"/>
  <c r="I78" i="2"/>
  <c r="H78" i="2"/>
  <c r="G78" i="2"/>
  <c r="F78" i="2"/>
  <c r="E78" i="2"/>
  <c r="D78" i="2"/>
  <c r="BQ77" i="2"/>
  <c r="BP77" i="2"/>
  <c r="BO77" i="2"/>
  <c r="BN77" i="2"/>
  <c r="BM77" i="2"/>
  <c r="BL77" i="2"/>
  <c r="BK77" i="2"/>
  <c r="BJ77" i="2"/>
  <c r="BI77" i="2"/>
  <c r="BH77" i="2"/>
  <c r="BG77" i="2"/>
  <c r="BF77" i="2"/>
  <c r="BE77" i="2"/>
  <c r="BD77" i="2"/>
  <c r="BC77" i="2"/>
  <c r="BB77" i="2"/>
  <c r="BA77" i="2"/>
  <c r="AZ77" i="2"/>
  <c r="AY77" i="2"/>
  <c r="AX77" i="2"/>
  <c r="AW77" i="2"/>
  <c r="AV77" i="2"/>
  <c r="AU77" i="2"/>
  <c r="AT77" i="2"/>
  <c r="AS77" i="2"/>
  <c r="AR77" i="2"/>
  <c r="AQ77" i="2"/>
  <c r="AP77" i="2"/>
  <c r="AO77" i="2"/>
  <c r="AN77" i="2"/>
  <c r="AM77" i="2"/>
  <c r="AL77" i="2"/>
  <c r="AK77" i="2"/>
  <c r="AJ77" i="2"/>
  <c r="AI77" i="2"/>
  <c r="AH77" i="2"/>
  <c r="AG77" i="2"/>
  <c r="AF77" i="2"/>
  <c r="AE77" i="2"/>
  <c r="AD77" i="2"/>
  <c r="AC77" i="2"/>
  <c r="AB77" i="2"/>
  <c r="AA77" i="2"/>
  <c r="Z77" i="2"/>
  <c r="Y77" i="2"/>
  <c r="X77" i="2"/>
  <c r="W77" i="2"/>
  <c r="V77" i="2"/>
  <c r="U77" i="2"/>
  <c r="T77" i="2"/>
  <c r="S77" i="2"/>
  <c r="R77" i="2"/>
  <c r="Q77" i="2"/>
  <c r="P77" i="2"/>
  <c r="O77" i="2"/>
  <c r="N77" i="2"/>
  <c r="M77" i="2"/>
  <c r="L77" i="2"/>
  <c r="K77" i="2"/>
  <c r="J77" i="2"/>
  <c r="I77" i="2"/>
  <c r="H77" i="2"/>
  <c r="G77" i="2"/>
  <c r="F77" i="2"/>
  <c r="E77" i="2"/>
  <c r="D77" i="2"/>
  <c r="BQ76" i="2"/>
  <c r="BP76" i="2"/>
  <c r="BO76" i="2"/>
  <c r="BN76" i="2"/>
  <c r="BM76" i="2"/>
  <c r="BL76" i="2"/>
  <c r="BK76" i="2"/>
  <c r="BJ76" i="2"/>
  <c r="BI76" i="2"/>
  <c r="BH76" i="2"/>
  <c r="BG76" i="2"/>
  <c r="BF76" i="2"/>
  <c r="BE76" i="2"/>
  <c r="BD76" i="2"/>
  <c r="BC76" i="2"/>
  <c r="BB76" i="2"/>
  <c r="BA76" i="2"/>
  <c r="AZ76" i="2"/>
  <c r="AY76" i="2"/>
  <c r="AX76" i="2"/>
  <c r="AW76" i="2"/>
  <c r="AV76" i="2"/>
  <c r="AU76" i="2"/>
  <c r="AT76" i="2"/>
  <c r="AS76" i="2"/>
  <c r="AR76" i="2"/>
  <c r="AQ76" i="2"/>
  <c r="AP76" i="2"/>
  <c r="AO76" i="2"/>
  <c r="AN76" i="2"/>
  <c r="AM76" i="2"/>
  <c r="AL76" i="2"/>
  <c r="AK76" i="2"/>
  <c r="AJ76" i="2"/>
  <c r="AI76" i="2"/>
  <c r="AH76" i="2"/>
  <c r="AG76" i="2"/>
  <c r="AF76" i="2"/>
  <c r="AE76" i="2"/>
  <c r="AD76" i="2"/>
  <c r="AC76" i="2"/>
  <c r="AB76" i="2"/>
  <c r="AA76" i="2"/>
  <c r="Z76" i="2"/>
  <c r="Y76" i="2"/>
  <c r="X76" i="2"/>
  <c r="W76" i="2"/>
  <c r="V76" i="2"/>
  <c r="U76" i="2"/>
  <c r="T76" i="2"/>
  <c r="S76" i="2"/>
  <c r="R76" i="2"/>
  <c r="Q76" i="2"/>
  <c r="P76" i="2"/>
  <c r="O76" i="2"/>
  <c r="N76" i="2"/>
  <c r="M76" i="2"/>
  <c r="L76" i="2"/>
  <c r="K76" i="2"/>
  <c r="J76" i="2"/>
  <c r="I76" i="2"/>
  <c r="H76" i="2"/>
  <c r="G76" i="2"/>
  <c r="F76" i="2"/>
  <c r="E76" i="2"/>
  <c r="D76" i="2"/>
  <c r="BQ75" i="2"/>
  <c r="BP75" i="2"/>
  <c r="BO75" i="2"/>
  <c r="BN75" i="2"/>
  <c r="BM75" i="2"/>
  <c r="BL75" i="2"/>
  <c r="BK75" i="2"/>
  <c r="BJ75" i="2"/>
  <c r="BI75" i="2"/>
  <c r="BH75" i="2"/>
  <c r="BG75" i="2"/>
  <c r="BF75" i="2"/>
  <c r="BE75" i="2"/>
  <c r="BD75" i="2"/>
  <c r="BC75" i="2"/>
  <c r="BB75" i="2"/>
  <c r="BA75" i="2"/>
  <c r="AZ75" i="2"/>
  <c r="AY75" i="2"/>
  <c r="AX75" i="2"/>
  <c r="AW75" i="2"/>
  <c r="AV75" i="2"/>
  <c r="AU75" i="2"/>
  <c r="AT75" i="2"/>
  <c r="AS75" i="2"/>
  <c r="AR75" i="2"/>
  <c r="AQ75" i="2"/>
  <c r="AP75" i="2"/>
  <c r="AO75" i="2"/>
  <c r="AN75" i="2"/>
  <c r="AM75" i="2"/>
  <c r="AL75" i="2"/>
  <c r="AK75" i="2"/>
  <c r="AJ75" i="2"/>
  <c r="AI75" i="2"/>
  <c r="AH75" i="2"/>
  <c r="AG75" i="2"/>
  <c r="AF75" i="2"/>
  <c r="AE75" i="2"/>
  <c r="AD75" i="2"/>
  <c r="AC75" i="2"/>
  <c r="AB75" i="2"/>
  <c r="AA75" i="2"/>
  <c r="Z75" i="2"/>
  <c r="Y75" i="2"/>
  <c r="X75" i="2"/>
  <c r="W75" i="2"/>
  <c r="V75" i="2"/>
  <c r="U75" i="2"/>
  <c r="T75" i="2"/>
  <c r="S75" i="2"/>
  <c r="R75" i="2"/>
  <c r="Q75" i="2"/>
  <c r="P75" i="2"/>
  <c r="O75" i="2"/>
  <c r="N75" i="2"/>
  <c r="M75" i="2"/>
  <c r="L75" i="2"/>
  <c r="K75" i="2"/>
  <c r="J75" i="2"/>
  <c r="I75" i="2"/>
  <c r="H75" i="2"/>
  <c r="G75" i="2"/>
  <c r="F75" i="2"/>
  <c r="E75" i="2"/>
  <c r="D75" i="2"/>
  <c r="BQ74" i="2"/>
  <c r="BP74" i="2"/>
  <c r="BO74" i="2"/>
  <c r="BN74" i="2"/>
  <c r="BM74" i="2"/>
  <c r="BL74" i="2"/>
  <c r="BK74" i="2"/>
  <c r="BJ74" i="2"/>
  <c r="BI74" i="2"/>
  <c r="BH74" i="2"/>
  <c r="BG74" i="2"/>
  <c r="BF74" i="2"/>
  <c r="BE74" i="2"/>
  <c r="BD74" i="2"/>
  <c r="BC74" i="2"/>
  <c r="BB74" i="2"/>
  <c r="BA74" i="2"/>
  <c r="AZ74" i="2"/>
  <c r="AY74" i="2"/>
  <c r="AX74" i="2"/>
  <c r="AW74" i="2"/>
  <c r="AV74" i="2"/>
  <c r="AU74" i="2"/>
  <c r="AT74" i="2"/>
  <c r="AS74" i="2"/>
  <c r="AR74" i="2"/>
  <c r="AQ74" i="2"/>
  <c r="AP74" i="2"/>
  <c r="AO74" i="2"/>
  <c r="AN74" i="2"/>
  <c r="AM74" i="2"/>
  <c r="AL74" i="2"/>
  <c r="AK74" i="2"/>
  <c r="AJ74" i="2"/>
  <c r="AI74" i="2"/>
  <c r="AH74" i="2"/>
  <c r="AG74" i="2"/>
  <c r="AF74" i="2"/>
  <c r="AE74" i="2"/>
  <c r="AD74" i="2"/>
  <c r="AC74" i="2"/>
  <c r="AB74" i="2"/>
  <c r="AA74" i="2"/>
  <c r="Z74" i="2"/>
  <c r="Y74" i="2"/>
  <c r="X74" i="2"/>
  <c r="W74" i="2"/>
  <c r="V74" i="2"/>
  <c r="U74" i="2"/>
  <c r="T74" i="2"/>
  <c r="S74" i="2"/>
  <c r="R74" i="2"/>
  <c r="Q74" i="2"/>
  <c r="P74" i="2"/>
  <c r="O74" i="2"/>
  <c r="N74" i="2"/>
  <c r="M74" i="2"/>
  <c r="L74" i="2"/>
  <c r="K74" i="2"/>
  <c r="J74" i="2"/>
  <c r="I74" i="2"/>
  <c r="H74" i="2"/>
  <c r="G74" i="2"/>
  <c r="F74" i="2"/>
  <c r="E74" i="2"/>
  <c r="D74" i="2"/>
  <c r="BQ73" i="2"/>
  <c r="BP73" i="2"/>
  <c r="BO73" i="2"/>
  <c r="BN73" i="2"/>
  <c r="BM73" i="2"/>
  <c r="BL73" i="2"/>
  <c r="BK73" i="2"/>
  <c r="BJ73" i="2"/>
  <c r="BI73" i="2"/>
  <c r="BH73" i="2"/>
  <c r="BG73" i="2"/>
  <c r="BF73" i="2"/>
  <c r="BE73" i="2"/>
  <c r="BD73" i="2"/>
  <c r="BC73" i="2"/>
  <c r="BB73" i="2"/>
  <c r="BA73" i="2"/>
  <c r="AZ73" i="2"/>
  <c r="AY73" i="2"/>
  <c r="AX73" i="2"/>
  <c r="AW73" i="2"/>
  <c r="AV73" i="2"/>
  <c r="AU73" i="2"/>
  <c r="AT73" i="2"/>
  <c r="AS73" i="2"/>
  <c r="AR73" i="2"/>
  <c r="AQ73" i="2"/>
  <c r="AP73" i="2"/>
  <c r="AO73" i="2"/>
  <c r="AN73" i="2"/>
  <c r="AM73" i="2"/>
  <c r="AL73" i="2"/>
  <c r="AK73" i="2"/>
  <c r="AJ73" i="2"/>
  <c r="AI73" i="2"/>
  <c r="AH73" i="2"/>
  <c r="AG73" i="2"/>
  <c r="AF73" i="2"/>
  <c r="AE73" i="2"/>
  <c r="AD73" i="2"/>
  <c r="AC73" i="2"/>
  <c r="AB73" i="2"/>
  <c r="AA73" i="2"/>
  <c r="Z73" i="2"/>
  <c r="Y73" i="2"/>
  <c r="X73" i="2"/>
  <c r="W73" i="2"/>
  <c r="V73" i="2"/>
  <c r="U73" i="2"/>
  <c r="T73" i="2"/>
  <c r="S73" i="2"/>
  <c r="R73" i="2"/>
  <c r="Q73" i="2"/>
  <c r="P73" i="2"/>
  <c r="O73" i="2"/>
  <c r="N73" i="2"/>
  <c r="M73" i="2"/>
  <c r="L73" i="2"/>
  <c r="K73" i="2"/>
  <c r="J73" i="2"/>
  <c r="I73" i="2"/>
  <c r="H73" i="2"/>
  <c r="G73" i="2"/>
  <c r="F73" i="2"/>
  <c r="E73" i="2"/>
  <c r="D73" i="2"/>
  <c r="BQ72" i="2"/>
  <c r="BP72" i="2"/>
  <c r="BO72" i="2"/>
  <c r="BN72" i="2"/>
  <c r="BM72" i="2"/>
  <c r="BL72" i="2"/>
  <c r="BK72" i="2"/>
  <c r="BJ72" i="2"/>
  <c r="BI72" i="2"/>
  <c r="BH72" i="2"/>
  <c r="BG72" i="2"/>
  <c r="BF72" i="2"/>
  <c r="BE72" i="2"/>
  <c r="BD72" i="2"/>
  <c r="BC72" i="2"/>
  <c r="BB72" i="2"/>
  <c r="BA72" i="2"/>
  <c r="AZ72" i="2"/>
  <c r="AY72" i="2"/>
  <c r="AX72" i="2"/>
  <c r="AW72" i="2"/>
  <c r="AV72" i="2"/>
  <c r="AU72" i="2"/>
  <c r="AT72" i="2"/>
  <c r="AS72" i="2"/>
  <c r="AR72" i="2"/>
  <c r="AQ72" i="2"/>
  <c r="AP72" i="2"/>
  <c r="AO72" i="2"/>
  <c r="AN72" i="2"/>
  <c r="AM72" i="2"/>
  <c r="AL72" i="2"/>
  <c r="AK72" i="2"/>
  <c r="AJ72" i="2"/>
  <c r="AI72" i="2"/>
  <c r="AH72" i="2"/>
  <c r="AG72" i="2"/>
  <c r="AF72" i="2"/>
  <c r="AE72" i="2"/>
  <c r="AD72" i="2"/>
  <c r="AC72" i="2"/>
  <c r="AB72" i="2"/>
  <c r="AA72" i="2"/>
  <c r="Z72" i="2"/>
  <c r="Y72" i="2"/>
  <c r="X72" i="2"/>
  <c r="W72" i="2"/>
  <c r="V72" i="2"/>
  <c r="U72" i="2"/>
  <c r="T72" i="2"/>
  <c r="S72" i="2"/>
  <c r="R72" i="2"/>
  <c r="Q72" i="2"/>
  <c r="P72" i="2"/>
  <c r="O72" i="2"/>
  <c r="N72" i="2"/>
  <c r="M72" i="2"/>
  <c r="L72" i="2"/>
  <c r="K72" i="2"/>
  <c r="J72" i="2"/>
  <c r="I72" i="2"/>
  <c r="H72" i="2"/>
  <c r="G72" i="2"/>
  <c r="F72" i="2"/>
  <c r="E72" i="2"/>
  <c r="D72" i="2"/>
  <c r="BQ71" i="2"/>
  <c r="BP71" i="2"/>
  <c r="BO71" i="2"/>
  <c r="BN71" i="2"/>
  <c r="BM71" i="2"/>
  <c r="BL71" i="2"/>
  <c r="BK71" i="2"/>
  <c r="BJ71" i="2"/>
  <c r="BI71" i="2"/>
  <c r="BH71" i="2"/>
  <c r="BG71" i="2"/>
  <c r="BF71" i="2"/>
  <c r="BE71" i="2"/>
  <c r="BD71" i="2"/>
  <c r="BC71" i="2"/>
  <c r="BB71" i="2"/>
  <c r="BA71" i="2"/>
  <c r="AZ71" i="2"/>
  <c r="AY71" i="2"/>
  <c r="AX71" i="2"/>
  <c r="AW71" i="2"/>
  <c r="AV71" i="2"/>
  <c r="AU71" i="2"/>
  <c r="AT71" i="2"/>
  <c r="AS71" i="2"/>
  <c r="AR71" i="2"/>
  <c r="AQ71" i="2"/>
  <c r="AP71" i="2"/>
  <c r="AO71" i="2"/>
  <c r="AN71" i="2"/>
  <c r="AM71" i="2"/>
  <c r="AL71" i="2"/>
  <c r="AK71" i="2"/>
  <c r="AJ71" i="2"/>
  <c r="AI71" i="2"/>
  <c r="AH71" i="2"/>
  <c r="AG71" i="2"/>
  <c r="AF71" i="2"/>
  <c r="AE71" i="2"/>
  <c r="AD71" i="2"/>
  <c r="AC71" i="2"/>
  <c r="AB71" i="2"/>
  <c r="AA71" i="2"/>
  <c r="Z71" i="2"/>
  <c r="Y71" i="2"/>
  <c r="X71" i="2"/>
  <c r="W71" i="2"/>
  <c r="V71" i="2"/>
  <c r="U71" i="2"/>
  <c r="T71" i="2"/>
  <c r="S71" i="2"/>
  <c r="R71" i="2"/>
  <c r="Q71" i="2"/>
  <c r="P71" i="2"/>
  <c r="O71" i="2"/>
  <c r="N71" i="2"/>
  <c r="M71" i="2"/>
  <c r="L71" i="2"/>
  <c r="K71" i="2"/>
  <c r="J71" i="2"/>
  <c r="I71" i="2"/>
  <c r="H71" i="2"/>
  <c r="G71" i="2"/>
  <c r="F71" i="2"/>
  <c r="E71" i="2"/>
  <c r="D71" i="2"/>
  <c r="BQ70" i="2"/>
  <c r="BP70" i="2"/>
  <c r="BO70" i="2"/>
  <c r="BN70" i="2"/>
  <c r="BM70" i="2"/>
  <c r="BL70" i="2"/>
  <c r="BK70" i="2"/>
  <c r="BJ70" i="2"/>
  <c r="BI70" i="2"/>
  <c r="BH70" i="2"/>
  <c r="BG70" i="2"/>
  <c r="BF70" i="2"/>
  <c r="BE70" i="2"/>
  <c r="BD70" i="2"/>
  <c r="BC70" i="2"/>
  <c r="BB70" i="2"/>
  <c r="BA70" i="2"/>
  <c r="AZ70" i="2"/>
  <c r="AY70" i="2"/>
  <c r="AX70" i="2"/>
  <c r="AW70" i="2"/>
  <c r="AV70" i="2"/>
  <c r="AU70" i="2"/>
  <c r="AT70" i="2"/>
  <c r="AS70" i="2"/>
  <c r="AR70" i="2"/>
  <c r="AQ70" i="2"/>
  <c r="AP70" i="2"/>
  <c r="AO70" i="2"/>
  <c r="AN70" i="2"/>
  <c r="AM70" i="2"/>
  <c r="AL70" i="2"/>
  <c r="AK70" i="2"/>
  <c r="AJ70" i="2"/>
  <c r="AI70" i="2"/>
  <c r="AH70" i="2"/>
  <c r="AG70" i="2"/>
  <c r="AF70" i="2"/>
  <c r="AE70" i="2"/>
  <c r="AD70" i="2"/>
  <c r="AC70" i="2"/>
  <c r="AB70" i="2"/>
  <c r="AA70" i="2"/>
  <c r="Z70" i="2"/>
  <c r="Y70" i="2"/>
  <c r="X70" i="2"/>
  <c r="W70" i="2"/>
  <c r="V70" i="2"/>
  <c r="U70" i="2"/>
  <c r="T70" i="2"/>
  <c r="S70" i="2"/>
  <c r="R70" i="2"/>
  <c r="Q70" i="2"/>
  <c r="P70" i="2"/>
  <c r="O70" i="2"/>
  <c r="N70" i="2"/>
  <c r="M70" i="2"/>
  <c r="L70" i="2"/>
  <c r="K70" i="2"/>
  <c r="J70" i="2"/>
  <c r="I70" i="2"/>
  <c r="H70" i="2"/>
  <c r="G70" i="2"/>
  <c r="F70" i="2"/>
  <c r="E70" i="2"/>
  <c r="D70" i="2"/>
  <c r="BQ69" i="2"/>
  <c r="BP69" i="2"/>
  <c r="BO69" i="2"/>
  <c r="BN69" i="2"/>
  <c r="BM69" i="2"/>
  <c r="BL69" i="2"/>
  <c r="BK69" i="2"/>
  <c r="BJ69" i="2"/>
  <c r="BI69" i="2"/>
  <c r="BH69" i="2"/>
  <c r="BG69" i="2"/>
  <c r="BF69" i="2"/>
  <c r="BE69" i="2"/>
  <c r="BD69" i="2"/>
  <c r="BC69" i="2"/>
  <c r="BB69" i="2"/>
  <c r="BA69" i="2"/>
  <c r="AZ69" i="2"/>
  <c r="AY69" i="2"/>
  <c r="AX69" i="2"/>
  <c r="AW69" i="2"/>
  <c r="AV69" i="2"/>
  <c r="AU69" i="2"/>
  <c r="AT69" i="2"/>
  <c r="AS69" i="2"/>
  <c r="AR69" i="2"/>
  <c r="AQ69" i="2"/>
  <c r="AP69" i="2"/>
  <c r="AO69" i="2"/>
  <c r="AN69" i="2"/>
  <c r="AM69" i="2"/>
  <c r="AL69" i="2"/>
  <c r="AK69" i="2"/>
  <c r="AJ69" i="2"/>
  <c r="AI69" i="2"/>
  <c r="AH69" i="2"/>
  <c r="AG69" i="2"/>
  <c r="AF69" i="2"/>
  <c r="AE69" i="2"/>
  <c r="AD69" i="2"/>
  <c r="AC69" i="2"/>
  <c r="AB69" i="2"/>
  <c r="AA69" i="2"/>
  <c r="Z69" i="2"/>
  <c r="Y69" i="2"/>
  <c r="X69" i="2"/>
  <c r="W69" i="2"/>
  <c r="V69" i="2"/>
  <c r="U69" i="2"/>
  <c r="T69" i="2"/>
  <c r="S69" i="2"/>
  <c r="R69" i="2"/>
  <c r="Q69" i="2"/>
  <c r="P69" i="2"/>
  <c r="O69" i="2"/>
  <c r="N69" i="2"/>
  <c r="M69" i="2"/>
  <c r="L69" i="2"/>
  <c r="K69" i="2"/>
  <c r="J69" i="2"/>
  <c r="I69" i="2"/>
  <c r="H69" i="2"/>
  <c r="G69" i="2"/>
  <c r="F69" i="2"/>
  <c r="E69" i="2"/>
  <c r="D69" i="2"/>
  <c r="BQ68" i="2"/>
  <c r="BP68" i="2"/>
  <c r="BO68" i="2"/>
  <c r="BN68" i="2"/>
  <c r="BM68" i="2"/>
  <c r="BL68" i="2"/>
  <c r="BK68" i="2"/>
  <c r="BJ68" i="2"/>
  <c r="BI68" i="2"/>
  <c r="BH68" i="2"/>
  <c r="BG68" i="2"/>
  <c r="BF68" i="2"/>
  <c r="BE68" i="2"/>
  <c r="BD68" i="2"/>
  <c r="BC68" i="2"/>
  <c r="BB68" i="2"/>
  <c r="BA68" i="2"/>
  <c r="AZ68" i="2"/>
  <c r="AY68" i="2"/>
  <c r="AX68" i="2"/>
  <c r="AW68" i="2"/>
  <c r="AV68" i="2"/>
  <c r="AU68" i="2"/>
  <c r="AT68" i="2"/>
  <c r="AS68" i="2"/>
  <c r="AR68" i="2"/>
  <c r="AQ68" i="2"/>
  <c r="AP68" i="2"/>
  <c r="AO68" i="2"/>
  <c r="AN68" i="2"/>
  <c r="AM68" i="2"/>
  <c r="AL68" i="2"/>
  <c r="AK68" i="2"/>
  <c r="AJ68" i="2"/>
  <c r="AI68" i="2"/>
  <c r="AH68" i="2"/>
  <c r="AG68" i="2"/>
  <c r="AF68" i="2"/>
  <c r="AE68" i="2"/>
  <c r="AD68" i="2"/>
  <c r="AC68" i="2"/>
  <c r="AB68" i="2"/>
  <c r="AA68" i="2"/>
  <c r="Z68" i="2"/>
  <c r="Y68" i="2"/>
  <c r="X68" i="2"/>
  <c r="W68" i="2"/>
  <c r="V68" i="2"/>
  <c r="U68" i="2"/>
  <c r="T68" i="2"/>
  <c r="S68" i="2"/>
  <c r="R68" i="2"/>
  <c r="Q68" i="2"/>
  <c r="P68" i="2"/>
  <c r="O68" i="2"/>
  <c r="N68" i="2"/>
  <c r="M68" i="2"/>
  <c r="L68" i="2"/>
  <c r="K68" i="2"/>
  <c r="J68" i="2"/>
  <c r="I68" i="2"/>
  <c r="H68" i="2"/>
  <c r="G68" i="2"/>
  <c r="F68" i="2"/>
  <c r="E68" i="2"/>
  <c r="D68" i="2"/>
  <c r="BQ67" i="2"/>
  <c r="BP67" i="2"/>
  <c r="BO67" i="2"/>
  <c r="BN67" i="2"/>
  <c r="BM67" i="2"/>
  <c r="BL67" i="2"/>
  <c r="BK67" i="2"/>
  <c r="BJ67" i="2"/>
  <c r="BI67" i="2"/>
  <c r="BH67" i="2"/>
  <c r="BG67" i="2"/>
  <c r="BF67" i="2"/>
  <c r="BE67" i="2"/>
  <c r="BD67" i="2"/>
  <c r="BC67" i="2"/>
  <c r="BB67" i="2"/>
  <c r="BA67" i="2"/>
  <c r="AZ67" i="2"/>
  <c r="AY67" i="2"/>
  <c r="AX67" i="2"/>
  <c r="AW67" i="2"/>
  <c r="AV67" i="2"/>
  <c r="AU67" i="2"/>
  <c r="AT67" i="2"/>
  <c r="AS67" i="2"/>
  <c r="AR67" i="2"/>
  <c r="AQ67" i="2"/>
  <c r="AP67" i="2"/>
  <c r="AO67" i="2"/>
  <c r="AN67" i="2"/>
  <c r="AM67" i="2"/>
  <c r="AL67" i="2"/>
  <c r="AK67" i="2"/>
  <c r="AJ67" i="2"/>
  <c r="AI67" i="2"/>
  <c r="AH67" i="2"/>
  <c r="AG67" i="2"/>
  <c r="AF67" i="2"/>
  <c r="AE67" i="2"/>
  <c r="AD67" i="2"/>
  <c r="AC67" i="2"/>
  <c r="AB67" i="2"/>
  <c r="AA67" i="2"/>
  <c r="Z67" i="2"/>
  <c r="Y67" i="2"/>
  <c r="X67" i="2"/>
  <c r="W67" i="2"/>
  <c r="V67" i="2"/>
  <c r="U67" i="2"/>
  <c r="T67" i="2"/>
  <c r="S67" i="2"/>
  <c r="R67" i="2"/>
  <c r="Q67" i="2"/>
  <c r="P67" i="2"/>
  <c r="O67" i="2"/>
  <c r="N67" i="2"/>
  <c r="M67" i="2"/>
  <c r="L67" i="2"/>
  <c r="K67" i="2"/>
  <c r="J67" i="2"/>
  <c r="I67" i="2"/>
  <c r="H67" i="2"/>
  <c r="G67" i="2"/>
  <c r="F67" i="2"/>
  <c r="E67" i="2"/>
  <c r="D67" i="2"/>
  <c r="BQ66" i="2"/>
  <c r="BP66" i="2"/>
  <c r="BO66" i="2"/>
  <c r="BN66" i="2"/>
  <c r="BM66" i="2"/>
  <c r="BL66" i="2"/>
  <c r="BK66" i="2"/>
  <c r="BJ66" i="2"/>
  <c r="BI66" i="2"/>
  <c r="BH66" i="2"/>
  <c r="BG66" i="2"/>
  <c r="BF66" i="2"/>
  <c r="BE66" i="2"/>
  <c r="BD66" i="2"/>
  <c r="BC66" i="2"/>
  <c r="BB66" i="2"/>
  <c r="BA66" i="2"/>
  <c r="AZ66" i="2"/>
  <c r="AY66" i="2"/>
  <c r="AX66" i="2"/>
  <c r="AW66" i="2"/>
  <c r="AV66" i="2"/>
  <c r="AU66" i="2"/>
  <c r="AT66" i="2"/>
  <c r="AS66" i="2"/>
  <c r="AR66" i="2"/>
  <c r="AQ66" i="2"/>
  <c r="AP66" i="2"/>
  <c r="AO66" i="2"/>
  <c r="AN66" i="2"/>
  <c r="AM66" i="2"/>
  <c r="AL66" i="2"/>
  <c r="AK66" i="2"/>
  <c r="AJ66" i="2"/>
  <c r="AI66" i="2"/>
  <c r="AH66" i="2"/>
  <c r="AG66" i="2"/>
  <c r="AF66" i="2"/>
  <c r="AE66" i="2"/>
  <c r="AD66" i="2"/>
  <c r="AC66" i="2"/>
  <c r="AB66" i="2"/>
  <c r="AA66" i="2"/>
  <c r="Z66" i="2"/>
  <c r="Y66" i="2"/>
  <c r="X66" i="2"/>
  <c r="W66" i="2"/>
  <c r="V66" i="2"/>
  <c r="U66" i="2"/>
  <c r="T66" i="2"/>
  <c r="S66" i="2"/>
  <c r="R66" i="2"/>
  <c r="Q66" i="2"/>
  <c r="P66" i="2"/>
  <c r="O66" i="2"/>
  <c r="N66" i="2"/>
  <c r="M66" i="2"/>
  <c r="L66" i="2"/>
  <c r="K66" i="2"/>
  <c r="J66" i="2"/>
  <c r="I66" i="2"/>
  <c r="H66" i="2"/>
  <c r="G66" i="2"/>
  <c r="F66" i="2"/>
  <c r="E66" i="2"/>
  <c r="D66" i="2"/>
  <c r="BQ65" i="2"/>
  <c r="BP65" i="2"/>
  <c r="BO65" i="2"/>
  <c r="BN65" i="2"/>
  <c r="BM65" i="2"/>
  <c r="BL65" i="2"/>
  <c r="BK65" i="2"/>
  <c r="BJ65" i="2"/>
  <c r="BI65" i="2"/>
  <c r="BH65" i="2"/>
  <c r="BG65" i="2"/>
  <c r="BF65" i="2"/>
  <c r="BE65" i="2"/>
  <c r="BD65" i="2"/>
  <c r="BC65" i="2"/>
  <c r="BB65" i="2"/>
  <c r="BA65" i="2"/>
  <c r="AZ65" i="2"/>
  <c r="AY65" i="2"/>
  <c r="AX65" i="2"/>
  <c r="AW65" i="2"/>
  <c r="AV65" i="2"/>
  <c r="AU65" i="2"/>
  <c r="AT65" i="2"/>
  <c r="AS65" i="2"/>
  <c r="AR65" i="2"/>
  <c r="AQ65" i="2"/>
  <c r="AP65" i="2"/>
  <c r="AO65" i="2"/>
  <c r="AN65" i="2"/>
  <c r="AM65" i="2"/>
  <c r="AL65" i="2"/>
  <c r="AK65" i="2"/>
  <c r="AJ65" i="2"/>
  <c r="AI65" i="2"/>
  <c r="AH65" i="2"/>
  <c r="AG65" i="2"/>
  <c r="AF65" i="2"/>
  <c r="AE65" i="2"/>
  <c r="AD65" i="2"/>
  <c r="AC65" i="2"/>
  <c r="AB65" i="2"/>
  <c r="AA65" i="2"/>
  <c r="Z65" i="2"/>
  <c r="Y65" i="2"/>
  <c r="X65" i="2"/>
  <c r="W65" i="2"/>
  <c r="V65" i="2"/>
  <c r="U65" i="2"/>
  <c r="T65" i="2"/>
  <c r="S65" i="2"/>
  <c r="R65" i="2"/>
  <c r="Q65" i="2"/>
  <c r="P65" i="2"/>
  <c r="O65" i="2"/>
  <c r="N65" i="2"/>
  <c r="M65" i="2"/>
  <c r="L65" i="2"/>
  <c r="K65" i="2"/>
  <c r="J65" i="2"/>
  <c r="I65" i="2"/>
  <c r="H65" i="2"/>
  <c r="G65" i="2"/>
  <c r="F65" i="2"/>
  <c r="E65" i="2"/>
  <c r="D65" i="2"/>
  <c r="BQ64" i="2"/>
  <c r="BP64" i="2"/>
  <c r="BO64" i="2"/>
  <c r="BN64" i="2"/>
  <c r="BM64" i="2"/>
  <c r="BL64" i="2"/>
  <c r="BK64" i="2"/>
  <c r="BJ64" i="2"/>
  <c r="BI64" i="2"/>
  <c r="BH64" i="2"/>
  <c r="BG64" i="2"/>
  <c r="BF64" i="2"/>
  <c r="BE64" i="2"/>
  <c r="BD64" i="2"/>
  <c r="BC64" i="2"/>
  <c r="BB64" i="2"/>
  <c r="BA64" i="2"/>
  <c r="AZ64" i="2"/>
  <c r="AY64" i="2"/>
  <c r="AX64" i="2"/>
  <c r="AW64" i="2"/>
  <c r="AV64" i="2"/>
  <c r="AU64" i="2"/>
  <c r="AT64" i="2"/>
  <c r="AS64" i="2"/>
  <c r="AR64" i="2"/>
  <c r="AQ64" i="2"/>
  <c r="AP64" i="2"/>
  <c r="AO64" i="2"/>
  <c r="AN64" i="2"/>
  <c r="AM64" i="2"/>
  <c r="AL64" i="2"/>
  <c r="AK64" i="2"/>
  <c r="AJ64" i="2"/>
  <c r="AI64" i="2"/>
  <c r="AH64" i="2"/>
  <c r="AG64" i="2"/>
  <c r="AF64" i="2"/>
  <c r="AE64" i="2"/>
  <c r="AD64" i="2"/>
  <c r="AC64" i="2"/>
  <c r="AB64" i="2"/>
  <c r="AA64" i="2"/>
  <c r="Z64" i="2"/>
  <c r="Y64" i="2"/>
  <c r="X64" i="2"/>
  <c r="W64" i="2"/>
  <c r="V64" i="2"/>
  <c r="U64" i="2"/>
  <c r="T64" i="2"/>
  <c r="S64" i="2"/>
  <c r="R64" i="2"/>
  <c r="Q64" i="2"/>
  <c r="P64" i="2"/>
  <c r="O64" i="2"/>
  <c r="N64" i="2"/>
  <c r="M64" i="2"/>
  <c r="L64" i="2"/>
  <c r="K64" i="2"/>
  <c r="J64" i="2"/>
  <c r="I64" i="2"/>
  <c r="H64" i="2"/>
  <c r="G64" i="2"/>
  <c r="F64" i="2"/>
  <c r="E64" i="2"/>
  <c r="D64" i="2"/>
  <c r="BQ63" i="2"/>
  <c r="BP63" i="2"/>
  <c r="BO63" i="2"/>
  <c r="BN63" i="2"/>
  <c r="BM63" i="2"/>
  <c r="BL63" i="2"/>
  <c r="BK63" i="2"/>
  <c r="BJ63" i="2"/>
  <c r="BI63" i="2"/>
  <c r="BH63" i="2"/>
  <c r="BG63" i="2"/>
  <c r="BF63" i="2"/>
  <c r="BE63" i="2"/>
  <c r="BD63" i="2"/>
  <c r="BC63" i="2"/>
  <c r="BB63" i="2"/>
  <c r="BA63" i="2"/>
  <c r="AZ63" i="2"/>
  <c r="AY63" i="2"/>
  <c r="AX63" i="2"/>
  <c r="AW63" i="2"/>
  <c r="AV63" i="2"/>
  <c r="AU63" i="2"/>
  <c r="AT63" i="2"/>
  <c r="AS63" i="2"/>
  <c r="AR63" i="2"/>
  <c r="AQ63" i="2"/>
  <c r="AP63" i="2"/>
  <c r="AO63" i="2"/>
  <c r="AN63" i="2"/>
  <c r="AM63" i="2"/>
  <c r="AL63" i="2"/>
  <c r="AK63" i="2"/>
  <c r="AJ63" i="2"/>
  <c r="AI63" i="2"/>
  <c r="AH63" i="2"/>
  <c r="AG63" i="2"/>
  <c r="AF63" i="2"/>
  <c r="AE63" i="2"/>
  <c r="AD63" i="2"/>
  <c r="AC63" i="2"/>
  <c r="AB63" i="2"/>
  <c r="AA63" i="2"/>
  <c r="Z63" i="2"/>
  <c r="Y63" i="2"/>
  <c r="X63" i="2"/>
  <c r="W63" i="2"/>
  <c r="V63" i="2"/>
  <c r="U63" i="2"/>
  <c r="T63" i="2"/>
  <c r="S63" i="2"/>
  <c r="R63" i="2"/>
  <c r="Q63" i="2"/>
  <c r="P63" i="2"/>
  <c r="O63" i="2"/>
  <c r="N63" i="2"/>
  <c r="M63" i="2"/>
  <c r="L63" i="2"/>
  <c r="K63" i="2"/>
  <c r="J63" i="2"/>
  <c r="I63" i="2"/>
  <c r="H63" i="2"/>
  <c r="G63" i="2"/>
  <c r="F63" i="2"/>
  <c r="E63" i="2"/>
  <c r="D63" i="2"/>
  <c r="BQ62" i="2"/>
  <c r="BP62" i="2"/>
  <c r="BO62" i="2"/>
  <c r="BN62" i="2"/>
  <c r="BM62" i="2"/>
  <c r="BL62" i="2"/>
  <c r="BK62" i="2"/>
  <c r="BJ62" i="2"/>
  <c r="BI62" i="2"/>
  <c r="BH62" i="2"/>
  <c r="BG62" i="2"/>
  <c r="BF62" i="2"/>
  <c r="BE62" i="2"/>
  <c r="BD62" i="2"/>
  <c r="BC62" i="2"/>
  <c r="BB62" i="2"/>
  <c r="BA62" i="2"/>
  <c r="AZ62" i="2"/>
  <c r="AY62" i="2"/>
  <c r="AX62" i="2"/>
  <c r="AW62" i="2"/>
  <c r="AV62" i="2"/>
  <c r="AU62" i="2"/>
  <c r="AT62" i="2"/>
  <c r="AS62" i="2"/>
  <c r="AR62" i="2"/>
  <c r="AQ62" i="2"/>
  <c r="AP62" i="2"/>
  <c r="AO62" i="2"/>
  <c r="AN62" i="2"/>
  <c r="AM62" i="2"/>
  <c r="AL62" i="2"/>
  <c r="AK62" i="2"/>
  <c r="AJ62" i="2"/>
  <c r="AI62" i="2"/>
  <c r="AH62" i="2"/>
  <c r="AG62" i="2"/>
  <c r="AF62" i="2"/>
  <c r="AE62" i="2"/>
  <c r="AD62" i="2"/>
  <c r="AC62" i="2"/>
  <c r="AB62" i="2"/>
  <c r="AA62" i="2"/>
  <c r="Z62" i="2"/>
  <c r="Y62" i="2"/>
  <c r="X62" i="2"/>
  <c r="W62" i="2"/>
  <c r="V62" i="2"/>
  <c r="U62" i="2"/>
  <c r="T62" i="2"/>
  <c r="S62" i="2"/>
  <c r="R62" i="2"/>
  <c r="Q62" i="2"/>
  <c r="P62" i="2"/>
  <c r="O62" i="2"/>
  <c r="N62" i="2"/>
  <c r="M62" i="2"/>
  <c r="L62" i="2"/>
  <c r="K62" i="2"/>
  <c r="J62" i="2"/>
  <c r="I62" i="2"/>
  <c r="H62" i="2"/>
  <c r="G62" i="2"/>
  <c r="F62" i="2"/>
  <c r="E62" i="2"/>
  <c r="D62" i="2"/>
  <c r="BQ61" i="2"/>
  <c r="BP61" i="2"/>
  <c r="BO61" i="2"/>
  <c r="BN61" i="2"/>
  <c r="BM61" i="2"/>
  <c r="BL61" i="2"/>
  <c r="BK61" i="2"/>
  <c r="BJ61" i="2"/>
  <c r="BI61" i="2"/>
  <c r="BH61" i="2"/>
  <c r="BG61" i="2"/>
  <c r="BF61" i="2"/>
  <c r="BE61" i="2"/>
  <c r="BD61" i="2"/>
  <c r="BC61" i="2"/>
  <c r="BB61" i="2"/>
  <c r="BA61" i="2"/>
  <c r="AZ61" i="2"/>
  <c r="AY61" i="2"/>
  <c r="AX61" i="2"/>
  <c r="AW61" i="2"/>
  <c r="AV61" i="2"/>
  <c r="AU61" i="2"/>
  <c r="AT61" i="2"/>
  <c r="AS61" i="2"/>
  <c r="AR61" i="2"/>
  <c r="AQ61" i="2"/>
  <c r="AP61" i="2"/>
  <c r="AO61" i="2"/>
  <c r="AN61" i="2"/>
  <c r="AM61" i="2"/>
  <c r="AL61" i="2"/>
  <c r="AK61" i="2"/>
  <c r="AJ61" i="2"/>
  <c r="AI61" i="2"/>
  <c r="AH61" i="2"/>
  <c r="AG61" i="2"/>
  <c r="AF61" i="2"/>
  <c r="AE61" i="2"/>
  <c r="AD61" i="2"/>
  <c r="AC61" i="2"/>
  <c r="AB61" i="2"/>
  <c r="AA61" i="2"/>
  <c r="Z61" i="2"/>
  <c r="Y61" i="2"/>
  <c r="X61" i="2"/>
  <c r="W61" i="2"/>
  <c r="V61" i="2"/>
  <c r="U61" i="2"/>
  <c r="T61" i="2"/>
  <c r="S61" i="2"/>
  <c r="R61" i="2"/>
  <c r="Q61" i="2"/>
  <c r="P61" i="2"/>
  <c r="O61" i="2"/>
  <c r="N61" i="2"/>
  <c r="M61" i="2"/>
  <c r="L61" i="2"/>
  <c r="K61" i="2"/>
  <c r="J61" i="2"/>
  <c r="I61" i="2"/>
  <c r="H61" i="2"/>
  <c r="G61" i="2"/>
  <c r="F61" i="2"/>
  <c r="E61" i="2"/>
  <c r="D61" i="2"/>
  <c r="BQ60" i="2"/>
  <c r="BP60" i="2"/>
  <c r="BO60" i="2"/>
  <c r="BN60" i="2"/>
  <c r="BM60" i="2"/>
  <c r="BL60" i="2"/>
  <c r="BK60" i="2"/>
  <c r="BJ60" i="2"/>
  <c r="BI60" i="2"/>
  <c r="BH60" i="2"/>
  <c r="BG60" i="2"/>
  <c r="BF60" i="2"/>
  <c r="BE60" i="2"/>
  <c r="BD60" i="2"/>
  <c r="BC60" i="2"/>
  <c r="BB60" i="2"/>
  <c r="BA60" i="2"/>
  <c r="AZ60" i="2"/>
  <c r="AY60" i="2"/>
  <c r="AX60" i="2"/>
  <c r="AW60" i="2"/>
  <c r="AV60" i="2"/>
  <c r="AU60" i="2"/>
  <c r="AT60" i="2"/>
  <c r="AS60" i="2"/>
  <c r="AR60" i="2"/>
  <c r="AQ60" i="2"/>
  <c r="AP60" i="2"/>
  <c r="AO60" i="2"/>
  <c r="AN60" i="2"/>
  <c r="AM60" i="2"/>
  <c r="AL60" i="2"/>
  <c r="AK60" i="2"/>
  <c r="AJ60" i="2"/>
  <c r="AI60" i="2"/>
  <c r="AH60" i="2"/>
  <c r="AG60" i="2"/>
  <c r="AF60" i="2"/>
  <c r="AE60" i="2"/>
  <c r="AD60" i="2"/>
  <c r="AC60" i="2"/>
  <c r="AB60" i="2"/>
  <c r="AA60" i="2"/>
  <c r="Z60" i="2"/>
  <c r="Y60" i="2"/>
  <c r="X60" i="2"/>
  <c r="W60" i="2"/>
  <c r="V60" i="2"/>
  <c r="U60" i="2"/>
  <c r="T60" i="2"/>
  <c r="S60" i="2"/>
  <c r="R60" i="2"/>
  <c r="Q60" i="2"/>
  <c r="P60" i="2"/>
  <c r="O60" i="2"/>
  <c r="N60" i="2"/>
  <c r="M60" i="2"/>
  <c r="L60" i="2"/>
  <c r="K60" i="2"/>
  <c r="J60" i="2"/>
  <c r="I60" i="2"/>
  <c r="H60" i="2"/>
  <c r="G60" i="2"/>
  <c r="F60" i="2"/>
  <c r="E60" i="2"/>
  <c r="D60" i="2"/>
  <c r="BQ59" i="2"/>
  <c r="BP59" i="2"/>
  <c r="BO59" i="2"/>
  <c r="BN59" i="2"/>
  <c r="BM59" i="2"/>
  <c r="BL59" i="2"/>
  <c r="BK59" i="2"/>
  <c r="BJ59" i="2"/>
  <c r="BI59" i="2"/>
  <c r="BH59" i="2"/>
  <c r="BG59" i="2"/>
  <c r="BF59" i="2"/>
  <c r="BE59" i="2"/>
  <c r="BD59" i="2"/>
  <c r="BC59" i="2"/>
  <c r="BB59" i="2"/>
  <c r="BA59" i="2"/>
  <c r="AZ59" i="2"/>
  <c r="AY59" i="2"/>
  <c r="AX59" i="2"/>
  <c r="AW59" i="2"/>
  <c r="AV59" i="2"/>
  <c r="AU59" i="2"/>
  <c r="AT59" i="2"/>
  <c r="AS59" i="2"/>
  <c r="AR59" i="2"/>
  <c r="AQ59" i="2"/>
  <c r="AP59" i="2"/>
  <c r="AO59" i="2"/>
  <c r="AN59" i="2"/>
  <c r="AM59" i="2"/>
  <c r="AL59" i="2"/>
  <c r="AK59" i="2"/>
  <c r="AJ59" i="2"/>
  <c r="AI59" i="2"/>
  <c r="AH59" i="2"/>
  <c r="AG59" i="2"/>
  <c r="AF59" i="2"/>
  <c r="AE59" i="2"/>
  <c r="AD59" i="2"/>
  <c r="AC59" i="2"/>
  <c r="AB59" i="2"/>
  <c r="AA59" i="2"/>
  <c r="Z59" i="2"/>
  <c r="Y59" i="2"/>
  <c r="X59" i="2"/>
  <c r="W59" i="2"/>
  <c r="V59" i="2"/>
  <c r="U59" i="2"/>
  <c r="T59" i="2"/>
  <c r="S59" i="2"/>
  <c r="R59" i="2"/>
  <c r="Q59" i="2"/>
  <c r="P59" i="2"/>
  <c r="O59" i="2"/>
  <c r="N59" i="2"/>
  <c r="M59" i="2"/>
  <c r="L59" i="2"/>
  <c r="K59" i="2"/>
  <c r="J59" i="2"/>
  <c r="I59" i="2"/>
  <c r="H59" i="2"/>
  <c r="G59" i="2"/>
  <c r="F59" i="2"/>
  <c r="E59" i="2"/>
  <c r="D59" i="2"/>
  <c r="BQ58" i="2"/>
  <c r="BP58" i="2"/>
  <c r="BO58" i="2"/>
  <c r="BN58" i="2"/>
  <c r="BM58" i="2"/>
  <c r="BL58" i="2"/>
  <c r="BK58" i="2"/>
  <c r="BJ58" i="2"/>
  <c r="BI58" i="2"/>
  <c r="BH58" i="2"/>
  <c r="BG58" i="2"/>
  <c r="BF58" i="2"/>
  <c r="BE58" i="2"/>
  <c r="BD58" i="2"/>
  <c r="BC58" i="2"/>
  <c r="BB58" i="2"/>
  <c r="BA58" i="2"/>
  <c r="AZ58" i="2"/>
  <c r="AY58" i="2"/>
  <c r="AX58" i="2"/>
  <c r="AW58" i="2"/>
  <c r="AV58" i="2"/>
  <c r="AU58" i="2"/>
  <c r="AT58" i="2"/>
  <c r="AS58" i="2"/>
  <c r="AR58" i="2"/>
  <c r="AQ58" i="2"/>
  <c r="AP58" i="2"/>
  <c r="AO58" i="2"/>
  <c r="AN58" i="2"/>
  <c r="AM58" i="2"/>
  <c r="AL58" i="2"/>
  <c r="AK58" i="2"/>
  <c r="AJ58" i="2"/>
  <c r="AI58" i="2"/>
  <c r="AH58" i="2"/>
  <c r="AG58" i="2"/>
  <c r="AF58" i="2"/>
  <c r="AE58" i="2"/>
  <c r="AD58" i="2"/>
  <c r="AC58" i="2"/>
  <c r="AB58" i="2"/>
  <c r="AA58" i="2"/>
  <c r="Z58" i="2"/>
  <c r="Y58" i="2"/>
  <c r="X58" i="2"/>
  <c r="W58" i="2"/>
  <c r="V58" i="2"/>
  <c r="U58" i="2"/>
  <c r="T58" i="2"/>
  <c r="S58" i="2"/>
  <c r="R58" i="2"/>
  <c r="Q58" i="2"/>
  <c r="P58" i="2"/>
  <c r="O58" i="2"/>
  <c r="N58" i="2"/>
  <c r="M58" i="2"/>
  <c r="L58" i="2"/>
  <c r="K58" i="2"/>
  <c r="J58" i="2"/>
  <c r="I58" i="2"/>
  <c r="H58" i="2"/>
  <c r="G58" i="2"/>
  <c r="F58" i="2"/>
  <c r="E58" i="2"/>
  <c r="D58" i="2"/>
  <c r="BQ57" i="2"/>
  <c r="BP57" i="2"/>
  <c r="BO57" i="2"/>
  <c r="BN57" i="2"/>
  <c r="BM57" i="2"/>
  <c r="BL57" i="2"/>
  <c r="BK57" i="2"/>
  <c r="BJ57" i="2"/>
  <c r="BI57" i="2"/>
  <c r="BH57" i="2"/>
  <c r="BG57" i="2"/>
  <c r="BF57" i="2"/>
  <c r="BE57" i="2"/>
  <c r="BD57" i="2"/>
  <c r="BC57" i="2"/>
  <c r="BB57" i="2"/>
  <c r="BA57" i="2"/>
  <c r="AZ57" i="2"/>
  <c r="AY57" i="2"/>
  <c r="AX57" i="2"/>
  <c r="AW57" i="2"/>
  <c r="AV57" i="2"/>
  <c r="AU57" i="2"/>
  <c r="AT57" i="2"/>
  <c r="AS57" i="2"/>
  <c r="AR57" i="2"/>
  <c r="AQ57" i="2"/>
  <c r="AP57" i="2"/>
  <c r="AO57" i="2"/>
  <c r="AN57" i="2"/>
  <c r="AM57" i="2"/>
  <c r="AL57" i="2"/>
  <c r="AK57" i="2"/>
  <c r="AJ57" i="2"/>
  <c r="AI57" i="2"/>
  <c r="AH57" i="2"/>
  <c r="AG57" i="2"/>
  <c r="AF57" i="2"/>
  <c r="AE57" i="2"/>
  <c r="AD57" i="2"/>
  <c r="AC57" i="2"/>
  <c r="AB57" i="2"/>
  <c r="AA57" i="2"/>
  <c r="Z57" i="2"/>
  <c r="Y57" i="2"/>
  <c r="X57" i="2"/>
  <c r="W57" i="2"/>
  <c r="V57" i="2"/>
  <c r="U57" i="2"/>
  <c r="T57" i="2"/>
  <c r="S57" i="2"/>
  <c r="R57" i="2"/>
  <c r="Q57" i="2"/>
  <c r="P57" i="2"/>
  <c r="O57" i="2"/>
  <c r="N57" i="2"/>
  <c r="M57" i="2"/>
  <c r="L57" i="2"/>
  <c r="K57" i="2"/>
  <c r="J57" i="2"/>
  <c r="I57" i="2"/>
  <c r="H57" i="2"/>
  <c r="G57" i="2"/>
  <c r="F57" i="2"/>
  <c r="E57" i="2"/>
  <c r="D57" i="2"/>
  <c r="BQ56" i="2"/>
  <c r="BP56" i="2"/>
  <c r="BO56" i="2"/>
  <c r="BN56" i="2"/>
  <c r="BM56" i="2"/>
  <c r="BL56" i="2"/>
  <c r="BK56" i="2"/>
  <c r="BJ56" i="2"/>
  <c r="BI56" i="2"/>
  <c r="BH56" i="2"/>
  <c r="BG56" i="2"/>
  <c r="BF56" i="2"/>
  <c r="BE56" i="2"/>
  <c r="BD56" i="2"/>
  <c r="BC56" i="2"/>
  <c r="BB56" i="2"/>
  <c r="BA56" i="2"/>
  <c r="AZ56" i="2"/>
  <c r="AY56" i="2"/>
  <c r="AX56" i="2"/>
  <c r="AW56" i="2"/>
  <c r="AV56" i="2"/>
  <c r="AU56" i="2"/>
  <c r="AT56" i="2"/>
  <c r="AS56" i="2"/>
  <c r="AR56" i="2"/>
  <c r="AQ56" i="2"/>
  <c r="AP56" i="2"/>
  <c r="AO56" i="2"/>
  <c r="AN56" i="2"/>
  <c r="AM56" i="2"/>
  <c r="AL56" i="2"/>
  <c r="AK56" i="2"/>
  <c r="AJ56" i="2"/>
  <c r="AI56" i="2"/>
  <c r="AH56" i="2"/>
  <c r="AG56" i="2"/>
  <c r="AF56" i="2"/>
  <c r="AE56" i="2"/>
  <c r="AD56" i="2"/>
  <c r="AC56" i="2"/>
  <c r="AB56" i="2"/>
  <c r="AA56" i="2"/>
  <c r="Z56" i="2"/>
  <c r="Y56" i="2"/>
  <c r="X56" i="2"/>
  <c r="W56" i="2"/>
  <c r="V56" i="2"/>
  <c r="U56" i="2"/>
  <c r="T56" i="2"/>
  <c r="S56" i="2"/>
  <c r="R56" i="2"/>
  <c r="Q56" i="2"/>
  <c r="P56" i="2"/>
  <c r="O56" i="2"/>
  <c r="N56" i="2"/>
  <c r="M56" i="2"/>
  <c r="L56" i="2"/>
  <c r="K56" i="2"/>
  <c r="J56" i="2"/>
  <c r="I56" i="2"/>
  <c r="H56" i="2"/>
  <c r="G56" i="2"/>
  <c r="F56" i="2"/>
  <c r="E56" i="2"/>
  <c r="D56" i="2"/>
  <c r="BQ55" i="2"/>
  <c r="BP55" i="2"/>
  <c r="BO55" i="2"/>
  <c r="BN55" i="2"/>
  <c r="BM55" i="2"/>
  <c r="BL55" i="2"/>
  <c r="BK55" i="2"/>
  <c r="BJ55" i="2"/>
  <c r="BI55" i="2"/>
  <c r="BH55" i="2"/>
  <c r="BG55" i="2"/>
  <c r="BF55" i="2"/>
  <c r="BE55" i="2"/>
  <c r="BD55" i="2"/>
  <c r="BC55" i="2"/>
  <c r="BB55" i="2"/>
  <c r="BA55" i="2"/>
  <c r="AZ55" i="2"/>
  <c r="AY55" i="2"/>
  <c r="AX55" i="2"/>
  <c r="AW55" i="2"/>
  <c r="AV55" i="2"/>
  <c r="AU55" i="2"/>
  <c r="AT55" i="2"/>
  <c r="AS55" i="2"/>
  <c r="AR55" i="2"/>
  <c r="AQ55" i="2"/>
  <c r="AP55" i="2"/>
  <c r="AO55" i="2"/>
  <c r="AN55" i="2"/>
  <c r="AM55" i="2"/>
  <c r="AL55" i="2"/>
  <c r="AK55" i="2"/>
  <c r="AJ55" i="2"/>
  <c r="AI55" i="2"/>
  <c r="AH55" i="2"/>
  <c r="AG55" i="2"/>
  <c r="AF55" i="2"/>
  <c r="AE55" i="2"/>
  <c r="AD55" i="2"/>
  <c r="AC55" i="2"/>
  <c r="AB55" i="2"/>
  <c r="AA55" i="2"/>
  <c r="Z55" i="2"/>
  <c r="Y55" i="2"/>
  <c r="X55" i="2"/>
  <c r="W55" i="2"/>
  <c r="V55" i="2"/>
  <c r="U55" i="2"/>
  <c r="T55" i="2"/>
  <c r="S55" i="2"/>
  <c r="R55" i="2"/>
  <c r="Q55" i="2"/>
  <c r="P55" i="2"/>
  <c r="O55" i="2"/>
  <c r="N55" i="2"/>
  <c r="M55" i="2"/>
  <c r="L55" i="2"/>
  <c r="K55" i="2"/>
  <c r="J55" i="2"/>
  <c r="I55" i="2"/>
  <c r="H55" i="2"/>
  <c r="G55" i="2"/>
  <c r="F55" i="2"/>
  <c r="E55" i="2"/>
  <c r="D55" i="2"/>
  <c r="BQ54" i="2"/>
  <c r="BP54" i="2"/>
  <c r="BO54" i="2"/>
  <c r="BN54" i="2"/>
  <c r="BM54" i="2"/>
  <c r="BL54" i="2"/>
  <c r="BK54" i="2"/>
  <c r="BJ54" i="2"/>
  <c r="BI54" i="2"/>
  <c r="BH54" i="2"/>
  <c r="BG54" i="2"/>
  <c r="BF54" i="2"/>
  <c r="BE54" i="2"/>
  <c r="BD54" i="2"/>
  <c r="BC54" i="2"/>
  <c r="BB54" i="2"/>
  <c r="BA54" i="2"/>
  <c r="AZ54" i="2"/>
  <c r="AY54" i="2"/>
  <c r="AX54" i="2"/>
  <c r="AW54" i="2"/>
  <c r="AV54" i="2"/>
  <c r="AU54" i="2"/>
  <c r="AT54" i="2"/>
  <c r="AS54" i="2"/>
  <c r="AR54" i="2"/>
  <c r="AQ54" i="2"/>
  <c r="AP54" i="2"/>
  <c r="AO54" i="2"/>
  <c r="AN54" i="2"/>
  <c r="AM54" i="2"/>
  <c r="AL54" i="2"/>
  <c r="AK54" i="2"/>
  <c r="AJ54" i="2"/>
  <c r="AI54" i="2"/>
  <c r="AH54" i="2"/>
  <c r="AG54" i="2"/>
  <c r="AF54" i="2"/>
  <c r="AE54" i="2"/>
  <c r="AD54" i="2"/>
  <c r="AC54" i="2"/>
  <c r="AB54" i="2"/>
  <c r="AA54" i="2"/>
  <c r="Z54" i="2"/>
  <c r="Y54" i="2"/>
  <c r="X54" i="2"/>
  <c r="W54" i="2"/>
  <c r="V54" i="2"/>
  <c r="U54" i="2"/>
  <c r="T54" i="2"/>
  <c r="S54" i="2"/>
  <c r="R54" i="2"/>
  <c r="Q54" i="2"/>
  <c r="P54" i="2"/>
  <c r="O54" i="2"/>
  <c r="N54" i="2"/>
  <c r="M54" i="2"/>
  <c r="L54" i="2"/>
  <c r="K54" i="2"/>
  <c r="J54" i="2"/>
  <c r="I54" i="2"/>
  <c r="H54" i="2"/>
  <c r="G54" i="2"/>
  <c r="F54" i="2"/>
  <c r="E54" i="2"/>
  <c r="D54" i="2"/>
  <c r="BQ53" i="2"/>
  <c r="BP53" i="2"/>
  <c r="BO53" i="2"/>
  <c r="BN53" i="2"/>
  <c r="BM53" i="2"/>
  <c r="BL53" i="2"/>
  <c r="BK53" i="2"/>
  <c r="BJ53" i="2"/>
  <c r="BI53" i="2"/>
  <c r="BH53" i="2"/>
  <c r="BG53" i="2"/>
  <c r="BF53" i="2"/>
  <c r="BE53" i="2"/>
  <c r="BD53" i="2"/>
  <c r="BC53" i="2"/>
  <c r="BB53" i="2"/>
  <c r="BA53" i="2"/>
  <c r="AZ53" i="2"/>
  <c r="AY53" i="2"/>
  <c r="AX53" i="2"/>
  <c r="AW53" i="2"/>
  <c r="AV53" i="2"/>
  <c r="AU53" i="2"/>
  <c r="AT53" i="2"/>
  <c r="AS53" i="2"/>
  <c r="AR53" i="2"/>
  <c r="AQ53" i="2"/>
  <c r="AP53" i="2"/>
  <c r="AO53" i="2"/>
  <c r="AN53" i="2"/>
  <c r="AM53" i="2"/>
  <c r="AL53" i="2"/>
  <c r="AK53" i="2"/>
  <c r="AJ53" i="2"/>
  <c r="AI53" i="2"/>
  <c r="AH53" i="2"/>
  <c r="AG53" i="2"/>
  <c r="AF53" i="2"/>
  <c r="AE53" i="2"/>
  <c r="AD53" i="2"/>
  <c r="AC53" i="2"/>
  <c r="AB53" i="2"/>
  <c r="AA53" i="2"/>
  <c r="Z53" i="2"/>
  <c r="Y53" i="2"/>
  <c r="X53" i="2"/>
  <c r="W53" i="2"/>
  <c r="V53" i="2"/>
  <c r="U53" i="2"/>
  <c r="T53" i="2"/>
  <c r="S53" i="2"/>
  <c r="R53" i="2"/>
  <c r="Q53" i="2"/>
  <c r="P53" i="2"/>
  <c r="O53" i="2"/>
  <c r="N53" i="2"/>
  <c r="M53" i="2"/>
  <c r="L53" i="2"/>
  <c r="K53" i="2"/>
  <c r="J53" i="2"/>
  <c r="I53" i="2"/>
  <c r="H53" i="2"/>
  <c r="G53" i="2"/>
  <c r="F53" i="2"/>
  <c r="E53" i="2"/>
  <c r="D53" i="2"/>
  <c r="BQ52" i="2"/>
  <c r="BP52" i="2"/>
  <c r="BO52" i="2"/>
  <c r="BN52" i="2"/>
  <c r="BM52" i="2"/>
  <c r="BL52" i="2"/>
  <c r="BK52" i="2"/>
  <c r="BJ52" i="2"/>
  <c r="BI52" i="2"/>
  <c r="BH52" i="2"/>
  <c r="BG52" i="2"/>
  <c r="BF52" i="2"/>
  <c r="BE52" i="2"/>
  <c r="BD52" i="2"/>
  <c r="BC52" i="2"/>
  <c r="BB52" i="2"/>
  <c r="BA52" i="2"/>
  <c r="AZ52" i="2"/>
  <c r="AY52" i="2"/>
  <c r="AX52" i="2"/>
  <c r="AW52" i="2"/>
  <c r="AV52" i="2"/>
  <c r="AU52" i="2"/>
  <c r="AT52" i="2"/>
  <c r="AS52" i="2"/>
  <c r="AR52" i="2"/>
  <c r="AQ52" i="2"/>
  <c r="AP52" i="2"/>
  <c r="AO52" i="2"/>
  <c r="AN52" i="2"/>
  <c r="AM52" i="2"/>
  <c r="AL52" i="2"/>
  <c r="AK52" i="2"/>
  <c r="AJ52" i="2"/>
  <c r="AI52" i="2"/>
  <c r="AH52" i="2"/>
  <c r="AG52" i="2"/>
  <c r="AF52" i="2"/>
  <c r="AE52" i="2"/>
  <c r="AD52" i="2"/>
  <c r="AC52" i="2"/>
  <c r="AB52" i="2"/>
  <c r="AA52" i="2"/>
  <c r="Z52" i="2"/>
  <c r="Y52" i="2"/>
  <c r="X52" i="2"/>
  <c r="W52" i="2"/>
  <c r="V52" i="2"/>
  <c r="U52" i="2"/>
  <c r="T52" i="2"/>
  <c r="S52" i="2"/>
  <c r="R52" i="2"/>
  <c r="Q52" i="2"/>
  <c r="P52" i="2"/>
  <c r="O52" i="2"/>
  <c r="N52" i="2"/>
  <c r="M52" i="2"/>
  <c r="L52" i="2"/>
  <c r="K52" i="2"/>
  <c r="J52" i="2"/>
  <c r="I52" i="2"/>
  <c r="H52" i="2"/>
  <c r="G52" i="2"/>
  <c r="F52" i="2"/>
  <c r="E52" i="2"/>
  <c r="D52" i="2"/>
  <c r="BQ51" i="2"/>
  <c r="BP51" i="2"/>
  <c r="BO51" i="2"/>
  <c r="BN51" i="2"/>
  <c r="BM51" i="2"/>
  <c r="BL51" i="2"/>
  <c r="BK51" i="2"/>
  <c r="BJ51" i="2"/>
  <c r="BI51" i="2"/>
  <c r="BH51" i="2"/>
  <c r="BG51" i="2"/>
  <c r="BF51" i="2"/>
  <c r="BE51" i="2"/>
  <c r="BD51" i="2"/>
  <c r="BC51" i="2"/>
  <c r="BB51" i="2"/>
  <c r="BA51" i="2"/>
  <c r="AZ51" i="2"/>
  <c r="AY51" i="2"/>
  <c r="AX51" i="2"/>
  <c r="AW51" i="2"/>
  <c r="AV51" i="2"/>
  <c r="AU51" i="2"/>
  <c r="AT51" i="2"/>
  <c r="AS51" i="2"/>
  <c r="AR51" i="2"/>
  <c r="AQ51" i="2"/>
  <c r="AP51" i="2"/>
  <c r="AO51" i="2"/>
  <c r="AN51" i="2"/>
  <c r="AM51" i="2"/>
  <c r="AL51" i="2"/>
  <c r="AK51" i="2"/>
  <c r="AJ51" i="2"/>
  <c r="AI51" i="2"/>
  <c r="AH51" i="2"/>
  <c r="AG51" i="2"/>
  <c r="AF51" i="2"/>
  <c r="AE51" i="2"/>
  <c r="AD51" i="2"/>
  <c r="AC51" i="2"/>
  <c r="AB51" i="2"/>
  <c r="AA51" i="2"/>
  <c r="Z51" i="2"/>
  <c r="Y51" i="2"/>
  <c r="X51" i="2"/>
  <c r="W51" i="2"/>
  <c r="V51" i="2"/>
  <c r="U51" i="2"/>
  <c r="T51" i="2"/>
  <c r="S51" i="2"/>
  <c r="R51" i="2"/>
  <c r="Q51" i="2"/>
  <c r="P51" i="2"/>
  <c r="O51" i="2"/>
  <c r="N51" i="2"/>
  <c r="M51" i="2"/>
  <c r="L51" i="2"/>
  <c r="K51" i="2"/>
  <c r="J51" i="2"/>
  <c r="I51" i="2"/>
  <c r="H51" i="2"/>
  <c r="G51" i="2"/>
  <c r="F51" i="2"/>
  <c r="E51" i="2"/>
  <c r="D51" i="2"/>
  <c r="BQ50" i="2"/>
  <c r="BP50" i="2"/>
  <c r="BO50" i="2"/>
  <c r="BN50" i="2"/>
  <c r="BM50" i="2"/>
  <c r="BL50" i="2"/>
  <c r="BK50" i="2"/>
  <c r="BJ50" i="2"/>
  <c r="BI50" i="2"/>
  <c r="BH50" i="2"/>
  <c r="BG50" i="2"/>
  <c r="BF50" i="2"/>
  <c r="BE50" i="2"/>
  <c r="BD50" i="2"/>
  <c r="BC50" i="2"/>
  <c r="BB50" i="2"/>
  <c r="BA50" i="2"/>
  <c r="AZ50" i="2"/>
  <c r="AY50" i="2"/>
  <c r="AX50" i="2"/>
  <c r="AW50" i="2"/>
  <c r="AV50" i="2"/>
  <c r="AU50" i="2"/>
  <c r="AT50" i="2"/>
  <c r="AS50" i="2"/>
  <c r="AR50" i="2"/>
  <c r="AQ50" i="2"/>
  <c r="AP50" i="2"/>
  <c r="AO50" i="2"/>
  <c r="AN50" i="2"/>
  <c r="AM50" i="2"/>
  <c r="AL50" i="2"/>
  <c r="AK50" i="2"/>
  <c r="AJ50" i="2"/>
  <c r="AI50" i="2"/>
  <c r="AH50" i="2"/>
  <c r="AG50" i="2"/>
  <c r="AF50" i="2"/>
  <c r="AE50" i="2"/>
  <c r="AD50" i="2"/>
  <c r="AC50" i="2"/>
  <c r="AB50" i="2"/>
  <c r="AA50" i="2"/>
  <c r="Z50" i="2"/>
  <c r="Y50" i="2"/>
  <c r="X50" i="2"/>
  <c r="W50" i="2"/>
  <c r="V50" i="2"/>
  <c r="U50" i="2"/>
  <c r="T50" i="2"/>
  <c r="S50" i="2"/>
  <c r="R50" i="2"/>
  <c r="Q50" i="2"/>
  <c r="P50" i="2"/>
  <c r="O50" i="2"/>
  <c r="N50" i="2"/>
  <c r="M50" i="2"/>
  <c r="L50" i="2"/>
  <c r="K50" i="2"/>
  <c r="J50" i="2"/>
  <c r="I50" i="2"/>
  <c r="H50" i="2"/>
  <c r="G50" i="2"/>
  <c r="F50" i="2"/>
  <c r="E50" i="2"/>
  <c r="D50" i="2"/>
  <c r="BQ49" i="2"/>
  <c r="BP49" i="2"/>
  <c r="BO49" i="2"/>
  <c r="BN49" i="2"/>
  <c r="BM49" i="2"/>
  <c r="BL49" i="2"/>
  <c r="BK49" i="2"/>
  <c r="BJ49" i="2"/>
  <c r="BI49" i="2"/>
  <c r="BH49" i="2"/>
  <c r="BG49" i="2"/>
  <c r="BF49" i="2"/>
  <c r="BE49" i="2"/>
  <c r="BD49" i="2"/>
  <c r="BC49" i="2"/>
  <c r="BB49" i="2"/>
  <c r="BA49" i="2"/>
  <c r="AZ49" i="2"/>
  <c r="AY49" i="2"/>
  <c r="AX49" i="2"/>
  <c r="AW49" i="2"/>
  <c r="AV49" i="2"/>
  <c r="AU49" i="2"/>
  <c r="AT49" i="2"/>
  <c r="AS49" i="2"/>
  <c r="AR49" i="2"/>
  <c r="AQ49" i="2"/>
  <c r="AP49" i="2"/>
  <c r="AO49" i="2"/>
  <c r="AN49" i="2"/>
  <c r="AM49" i="2"/>
  <c r="AL49" i="2"/>
  <c r="AK49" i="2"/>
  <c r="AJ49" i="2"/>
  <c r="AI49" i="2"/>
  <c r="AH49" i="2"/>
  <c r="AG49" i="2"/>
  <c r="AF49" i="2"/>
  <c r="AE49" i="2"/>
  <c r="AD49" i="2"/>
  <c r="AC49" i="2"/>
  <c r="AB49" i="2"/>
  <c r="AA49" i="2"/>
  <c r="Z49" i="2"/>
  <c r="Y49" i="2"/>
  <c r="X49" i="2"/>
  <c r="W49" i="2"/>
  <c r="V49" i="2"/>
  <c r="U49" i="2"/>
  <c r="T49" i="2"/>
  <c r="S49" i="2"/>
  <c r="R49" i="2"/>
  <c r="Q49" i="2"/>
  <c r="P49" i="2"/>
  <c r="O49" i="2"/>
  <c r="N49" i="2"/>
  <c r="M49" i="2"/>
  <c r="L49" i="2"/>
  <c r="K49" i="2"/>
  <c r="J49" i="2"/>
  <c r="I49" i="2"/>
  <c r="H49" i="2"/>
  <c r="G49" i="2"/>
  <c r="F49" i="2"/>
  <c r="E49" i="2"/>
  <c r="D49" i="2"/>
  <c r="BQ48" i="2"/>
  <c r="BP48" i="2"/>
  <c r="BO48" i="2"/>
  <c r="BN48" i="2"/>
  <c r="BM48" i="2"/>
  <c r="BL48" i="2"/>
  <c r="BK48" i="2"/>
  <c r="BJ48" i="2"/>
  <c r="BI48" i="2"/>
  <c r="BH48" i="2"/>
  <c r="BG48" i="2"/>
  <c r="BF48" i="2"/>
  <c r="BE48" i="2"/>
  <c r="BD48" i="2"/>
  <c r="BC48" i="2"/>
  <c r="BB48" i="2"/>
  <c r="BA48" i="2"/>
  <c r="AZ48" i="2"/>
  <c r="AY48" i="2"/>
  <c r="AX48" i="2"/>
  <c r="AW48" i="2"/>
  <c r="AV48" i="2"/>
  <c r="AU48" i="2"/>
  <c r="AT48" i="2"/>
  <c r="AS48" i="2"/>
  <c r="AR48" i="2"/>
  <c r="AQ48" i="2"/>
  <c r="AP48" i="2"/>
  <c r="AO48" i="2"/>
  <c r="AN48" i="2"/>
  <c r="AM48" i="2"/>
  <c r="AL48" i="2"/>
  <c r="AK48" i="2"/>
  <c r="AJ48" i="2"/>
  <c r="AI48" i="2"/>
  <c r="AH48" i="2"/>
  <c r="AG48" i="2"/>
  <c r="AF48" i="2"/>
  <c r="AE48" i="2"/>
  <c r="AD48" i="2"/>
  <c r="AC48" i="2"/>
  <c r="AB48" i="2"/>
  <c r="AA48" i="2"/>
  <c r="Z48" i="2"/>
  <c r="Y48" i="2"/>
  <c r="X48" i="2"/>
  <c r="W48" i="2"/>
  <c r="V48" i="2"/>
  <c r="U48" i="2"/>
  <c r="T48" i="2"/>
  <c r="S48" i="2"/>
  <c r="R48" i="2"/>
  <c r="Q48" i="2"/>
  <c r="P48" i="2"/>
  <c r="O48" i="2"/>
  <c r="N48" i="2"/>
  <c r="M48" i="2"/>
  <c r="L48" i="2"/>
  <c r="K48" i="2"/>
  <c r="J48" i="2"/>
  <c r="I48" i="2"/>
  <c r="H48" i="2"/>
  <c r="G48" i="2"/>
  <c r="F48" i="2"/>
  <c r="E48" i="2"/>
  <c r="D48" i="2"/>
  <c r="BQ47" i="2"/>
  <c r="BP47" i="2"/>
  <c r="BO47" i="2"/>
  <c r="BN47" i="2"/>
  <c r="BM47" i="2"/>
  <c r="BL47" i="2"/>
  <c r="BK47" i="2"/>
  <c r="BJ47" i="2"/>
  <c r="BI47" i="2"/>
  <c r="BH47" i="2"/>
  <c r="BG47" i="2"/>
  <c r="BF47" i="2"/>
  <c r="BE47" i="2"/>
  <c r="BD47" i="2"/>
  <c r="BC47" i="2"/>
  <c r="BB47" i="2"/>
  <c r="BA47" i="2"/>
  <c r="AZ47" i="2"/>
  <c r="AY47" i="2"/>
  <c r="AX47" i="2"/>
  <c r="AW47" i="2"/>
  <c r="AV47" i="2"/>
  <c r="AU47" i="2"/>
  <c r="AT47" i="2"/>
  <c r="AS47" i="2"/>
  <c r="AR47" i="2"/>
  <c r="AQ47" i="2"/>
  <c r="AP47" i="2"/>
  <c r="AO47" i="2"/>
  <c r="AN47" i="2"/>
  <c r="AM47" i="2"/>
  <c r="AL47" i="2"/>
  <c r="AK47" i="2"/>
  <c r="AJ47" i="2"/>
  <c r="AI47" i="2"/>
  <c r="AH47" i="2"/>
  <c r="AG47" i="2"/>
  <c r="AF47" i="2"/>
  <c r="AE47" i="2"/>
  <c r="AD47" i="2"/>
  <c r="AC47" i="2"/>
  <c r="AB47" i="2"/>
  <c r="AA47" i="2"/>
  <c r="Z47" i="2"/>
  <c r="Y47" i="2"/>
  <c r="X47" i="2"/>
  <c r="W47" i="2"/>
  <c r="V47" i="2"/>
  <c r="U47" i="2"/>
  <c r="T47" i="2"/>
  <c r="S47" i="2"/>
  <c r="R47" i="2"/>
  <c r="Q47" i="2"/>
  <c r="P47" i="2"/>
  <c r="O47" i="2"/>
  <c r="N47" i="2"/>
  <c r="M47" i="2"/>
  <c r="L47" i="2"/>
  <c r="K47" i="2"/>
  <c r="J47" i="2"/>
  <c r="I47" i="2"/>
  <c r="H47" i="2"/>
  <c r="G47" i="2"/>
  <c r="F47" i="2"/>
  <c r="E47" i="2"/>
  <c r="D47" i="2"/>
  <c r="BQ46" i="2"/>
  <c r="BP46" i="2"/>
  <c r="BO46" i="2"/>
  <c r="BN46" i="2"/>
  <c r="BM46" i="2"/>
  <c r="BL46" i="2"/>
  <c r="BK46" i="2"/>
  <c r="BJ46" i="2"/>
  <c r="BI46" i="2"/>
  <c r="BH46" i="2"/>
  <c r="BG46" i="2"/>
  <c r="BF46" i="2"/>
  <c r="BE46" i="2"/>
  <c r="BD46" i="2"/>
  <c r="BC46" i="2"/>
  <c r="BB46" i="2"/>
  <c r="BA46" i="2"/>
  <c r="AZ46" i="2"/>
  <c r="AY46" i="2"/>
  <c r="AX46" i="2"/>
  <c r="AW46" i="2"/>
  <c r="AV46" i="2"/>
  <c r="AU46" i="2"/>
  <c r="AT46" i="2"/>
  <c r="AS46" i="2"/>
  <c r="AR46" i="2"/>
  <c r="AQ46" i="2"/>
  <c r="AP46" i="2"/>
  <c r="AO46" i="2"/>
  <c r="AN46" i="2"/>
  <c r="AM46" i="2"/>
  <c r="AL46" i="2"/>
  <c r="AK46" i="2"/>
  <c r="AJ46" i="2"/>
  <c r="AI46" i="2"/>
  <c r="AH46" i="2"/>
  <c r="AG46" i="2"/>
  <c r="AF46" i="2"/>
  <c r="AE46" i="2"/>
  <c r="AD46" i="2"/>
  <c r="AC46" i="2"/>
  <c r="AB46" i="2"/>
  <c r="AA46" i="2"/>
  <c r="Z46" i="2"/>
  <c r="Y46" i="2"/>
  <c r="X46" i="2"/>
  <c r="W46" i="2"/>
  <c r="V46" i="2"/>
  <c r="U46" i="2"/>
  <c r="T46" i="2"/>
  <c r="S46" i="2"/>
  <c r="R46" i="2"/>
  <c r="Q46" i="2"/>
  <c r="P46" i="2"/>
  <c r="O46" i="2"/>
  <c r="N46" i="2"/>
  <c r="M46" i="2"/>
  <c r="L46" i="2"/>
  <c r="K46" i="2"/>
  <c r="J46" i="2"/>
  <c r="I46" i="2"/>
  <c r="H46" i="2"/>
  <c r="G46" i="2"/>
  <c r="F46" i="2"/>
  <c r="E46" i="2"/>
  <c r="D46" i="2"/>
  <c r="BQ45" i="2"/>
  <c r="BP45" i="2"/>
  <c r="BO45" i="2"/>
  <c r="BN45" i="2"/>
  <c r="BM45" i="2"/>
  <c r="BL45" i="2"/>
  <c r="BK45" i="2"/>
  <c r="BJ45" i="2"/>
  <c r="BI45" i="2"/>
  <c r="BH45" i="2"/>
  <c r="BG45" i="2"/>
  <c r="BF45" i="2"/>
  <c r="BE45" i="2"/>
  <c r="BD45" i="2"/>
  <c r="BC45" i="2"/>
  <c r="BB45" i="2"/>
  <c r="BA45" i="2"/>
  <c r="AZ45" i="2"/>
  <c r="AY45" i="2"/>
  <c r="AX45" i="2"/>
  <c r="AW45" i="2"/>
  <c r="AV45" i="2"/>
  <c r="AU45" i="2"/>
  <c r="AT45" i="2"/>
  <c r="AS45" i="2"/>
  <c r="AR45" i="2"/>
  <c r="AQ45" i="2"/>
  <c r="AP45" i="2"/>
  <c r="AO45" i="2"/>
  <c r="AN45" i="2"/>
  <c r="AM45" i="2"/>
  <c r="AL45" i="2"/>
  <c r="AK45" i="2"/>
  <c r="AJ45" i="2"/>
  <c r="AI45" i="2"/>
  <c r="AH45" i="2"/>
  <c r="AG45" i="2"/>
  <c r="AF45" i="2"/>
  <c r="AE45" i="2"/>
  <c r="AD45" i="2"/>
  <c r="AC45" i="2"/>
  <c r="AB45" i="2"/>
  <c r="AA45" i="2"/>
  <c r="Z45" i="2"/>
  <c r="Y45" i="2"/>
  <c r="X45" i="2"/>
  <c r="W45" i="2"/>
  <c r="V45" i="2"/>
  <c r="U45" i="2"/>
  <c r="T45" i="2"/>
  <c r="S45" i="2"/>
  <c r="R45" i="2"/>
  <c r="Q45" i="2"/>
  <c r="P45" i="2"/>
  <c r="O45" i="2"/>
  <c r="N45" i="2"/>
  <c r="M45" i="2"/>
  <c r="L45" i="2"/>
  <c r="K45" i="2"/>
  <c r="J45" i="2"/>
  <c r="I45" i="2"/>
  <c r="H45" i="2"/>
  <c r="G45" i="2"/>
  <c r="F45" i="2"/>
  <c r="E45" i="2"/>
  <c r="D45" i="2"/>
  <c r="BQ44" i="2"/>
  <c r="BP44" i="2"/>
  <c r="BO44" i="2"/>
  <c r="BN44" i="2"/>
  <c r="BM44" i="2"/>
  <c r="BL44" i="2"/>
  <c r="BK44" i="2"/>
  <c r="BJ44" i="2"/>
  <c r="BI44" i="2"/>
  <c r="BH44" i="2"/>
  <c r="BG44" i="2"/>
  <c r="BF44" i="2"/>
  <c r="BE44" i="2"/>
  <c r="BD44" i="2"/>
  <c r="BC44" i="2"/>
  <c r="BB44" i="2"/>
  <c r="BA44" i="2"/>
  <c r="AZ44" i="2"/>
  <c r="AY44" i="2"/>
  <c r="AX44" i="2"/>
  <c r="AW44" i="2"/>
  <c r="AV44" i="2"/>
  <c r="AU44" i="2"/>
  <c r="AT44" i="2"/>
  <c r="AS44" i="2"/>
  <c r="AR44" i="2"/>
  <c r="AQ44" i="2"/>
  <c r="AP44" i="2"/>
  <c r="AO44" i="2"/>
  <c r="AN44" i="2"/>
  <c r="AM44" i="2"/>
  <c r="AL44" i="2"/>
  <c r="AK44" i="2"/>
  <c r="AJ44" i="2"/>
  <c r="AI44" i="2"/>
  <c r="AH44" i="2"/>
  <c r="AG44" i="2"/>
  <c r="AF44" i="2"/>
  <c r="AE44" i="2"/>
  <c r="AD44" i="2"/>
  <c r="AC44" i="2"/>
  <c r="AB44" i="2"/>
  <c r="AA44" i="2"/>
  <c r="Z44" i="2"/>
  <c r="Y44" i="2"/>
  <c r="X44" i="2"/>
  <c r="W44" i="2"/>
  <c r="V44" i="2"/>
  <c r="U44" i="2"/>
  <c r="T44" i="2"/>
  <c r="S44" i="2"/>
  <c r="R44" i="2"/>
  <c r="Q44" i="2"/>
  <c r="P44" i="2"/>
  <c r="O44" i="2"/>
  <c r="N44" i="2"/>
  <c r="M44" i="2"/>
  <c r="L44" i="2"/>
  <c r="K44" i="2"/>
  <c r="J44" i="2"/>
  <c r="I44" i="2"/>
  <c r="H44" i="2"/>
  <c r="G44" i="2"/>
  <c r="F44" i="2"/>
  <c r="E44" i="2"/>
  <c r="D44" i="2"/>
  <c r="BQ43" i="2"/>
  <c r="BP43" i="2"/>
  <c r="BO43" i="2"/>
  <c r="BN43" i="2"/>
  <c r="BM43" i="2"/>
  <c r="BL43" i="2"/>
  <c r="BK43" i="2"/>
  <c r="BJ43" i="2"/>
  <c r="BI43" i="2"/>
  <c r="BH43" i="2"/>
  <c r="BG43" i="2"/>
  <c r="BF43" i="2"/>
  <c r="BE43" i="2"/>
  <c r="BD43" i="2"/>
  <c r="BC43" i="2"/>
  <c r="BB43" i="2"/>
  <c r="BA43" i="2"/>
  <c r="AZ43" i="2"/>
  <c r="AY43" i="2"/>
  <c r="AX43" i="2"/>
  <c r="AW43" i="2"/>
  <c r="AV43" i="2"/>
  <c r="AU43" i="2"/>
  <c r="AT43" i="2"/>
  <c r="AS43" i="2"/>
  <c r="AR43" i="2"/>
  <c r="AQ43" i="2"/>
  <c r="AP43" i="2"/>
  <c r="AO43" i="2"/>
  <c r="AN43" i="2"/>
  <c r="AM43" i="2"/>
  <c r="AL43" i="2"/>
  <c r="AK43" i="2"/>
  <c r="AJ43" i="2"/>
  <c r="AI43" i="2"/>
  <c r="AH43" i="2"/>
  <c r="AG43" i="2"/>
  <c r="AF43" i="2"/>
  <c r="AE43" i="2"/>
  <c r="AD43" i="2"/>
  <c r="AC43" i="2"/>
  <c r="AB43" i="2"/>
  <c r="AA43" i="2"/>
  <c r="Z43" i="2"/>
  <c r="Y43" i="2"/>
  <c r="X43" i="2"/>
  <c r="W43" i="2"/>
  <c r="V43" i="2"/>
  <c r="U43" i="2"/>
  <c r="T43" i="2"/>
  <c r="S43" i="2"/>
  <c r="R43" i="2"/>
  <c r="Q43" i="2"/>
  <c r="P43" i="2"/>
  <c r="O43" i="2"/>
  <c r="N43" i="2"/>
  <c r="M43" i="2"/>
  <c r="L43" i="2"/>
  <c r="K43" i="2"/>
  <c r="J43" i="2"/>
  <c r="I43" i="2"/>
  <c r="H43" i="2"/>
  <c r="G43" i="2"/>
  <c r="F43" i="2"/>
  <c r="E43" i="2"/>
  <c r="D43" i="2"/>
  <c r="BQ42" i="2"/>
  <c r="BP42" i="2"/>
  <c r="BO42" i="2"/>
  <c r="BN42" i="2"/>
  <c r="BM42" i="2"/>
  <c r="BL42" i="2"/>
  <c r="BK42" i="2"/>
  <c r="BJ42" i="2"/>
  <c r="BI42" i="2"/>
  <c r="BH42" i="2"/>
  <c r="BG42" i="2"/>
  <c r="BF42" i="2"/>
  <c r="BE42" i="2"/>
  <c r="BD42" i="2"/>
  <c r="BC42" i="2"/>
  <c r="BB42" i="2"/>
  <c r="BA42" i="2"/>
  <c r="AZ42" i="2"/>
  <c r="AY42" i="2"/>
  <c r="AX42" i="2"/>
  <c r="AW42" i="2"/>
  <c r="AV42" i="2"/>
  <c r="AU42" i="2"/>
  <c r="AT42" i="2"/>
  <c r="AS42" i="2"/>
  <c r="AR42" i="2"/>
  <c r="AQ42" i="2"/>
  <c r="AP42" i="2"/>
  <c r="AO42" i="2"/>
  <c r="AN42" i="2"/>
  <c r="AM42" i="2"/>
  <c r="AL42" i="2"/>
  <c r="AK42" i="2"/>
  <c r="AJ42" i="2"/>
  <c r="AI42" i="2"/>
  <c r="AH42" i="2"/>
  <c r="AG42" i="2"/>
  <c r="AF42" i="2"/>
  <c r="AE42" i="2"/>
  <c r="AD42" i="2"/>
  <c r="AC42" i="2"/>
  <c r="AB42" i="2"/>
  <c r="AA42" i="2"/>
  <c r="Z42" i="2"/>
  <c r="Y42" i="2"/>
  <c r="X42" i="2"/>
  <c r="W42" i="2"/>
  <c r="V42" i="2"/>
  <c r="U42" i="2"/>
  <c r="T42" i="2"/>
  <c r="S42" i="2"/>
  <c r="R42" i="2"/>
  <c r="Q42" i="2"/>
  <c r="P42" i="2"/>
  <c r="O42" i="2"/>
  <c r="N42" i="2"/>
  <c r="M42" i="2"/>
  <c r="L42" i="2"/>
  <c r="K42" i="2"/>
  <c r="J42" i="2"/>
  <c r="I42" i="2"/>
  <c r="H42" i="2"/>
  <c r="G42" i="2"/>
  <c r="F42" i="2"/>
  <c r="E42" i="2"/>
  <c r="D42" i="2"/>
  <c r="BQ41" i="2"/>
  <c r="BP41" i="2"/>
  <c r="BO41" i="2"/>
  <c r="BN41" i="2"/>
  <c r="BM41" i="2"/>
  <c r="BL41" i="2"/>
  <c r="BK41" i="2"/>
  <c r="BJ41" i="2"/>
  <c r="BI41" i="2"/>
  <c r="BH41" i="2"/>
  <c r="BG41" i="2"/>
  <c r="BF41" i="2"/>
  <c r="BE41" i="2"/>
  <c r="BD41" i="2"/>
  <c r="BC41" i="2"/>
  <c r="BB41" i="2"/>
  <c r="BA41" i="2"/>
  <c r="AZ41" i="2"/>
  <c r="AY41" i="2"/>
  <c r="AX41" i="2"/>
  <c r="AW41" i="2"/>
  <c r="AV41" i="2"/>
  <c r="AU41" i="2"/>
  <c r="AT41" i="2"/>
  <c r="AS41" i="2"/>
  <c r="AR41" i="2"/>
  <c r="AQ41" i="2"/>
  <c r="AP41" i="2"/>
  <c r="AO41" i="2"/>
  <c r="AN41" i="2"/>
  <c r="AM41" i="2"/>
  <c r="AL41" i="2"/>
  <c r="AK41" i="2"/>
  <c r="AJ41" i="2"/>
  <c r="AI41" i="2"/>
  <c r="AH41" i="2"/>
  <c r="AG41" i="2"/>
  <c r="AF41" i="2"/>
  <c r="AE41" i="2"/>
  <c r="AD41" i="2"/>
  <c r="AC41" i="2"/>
  <c r="AB41" i="2"/>
  <c r="AA41" i="2"/>
  <c r="Z41" i="2"/>
  <c r="Y41" i="2"/>
  <c r="X41" i="2"/>
  <c r="W41" i="2"/>
  <c r="V41" i="2"/>
  <c r="U41" i="2"/>
  <c r="T41" i="2"/>
  <c r="S41" i="2"/>
  <c r="R41" i="2"/>
  <c r="Q41" i="2"/>
  <c r="P41" i="2"/>
  <c r="O41" i="2"/>
  <c r="N41" i="2"/>
  <c r="M41" i="2"/>
  <c r="L41" i="2"/>
  <c r="K41" i="2"/>
  <c r="J41" i="2"/>
  <c r="I41" i="2"/>
  <c r="H41" i="2"/>
  <c r="G41" i="2"/>
  <c r="F41" i="2"/>
  <c r="E41" i="2"/>
  <c r="D41" i="2"/>
  <c r="BQ40" i="2"/>
  <c r="BP40" i="2"/>
  <c r="BO40" i="2"/>
  <c r="BN40" i="2"/>
  <c r="BM40" i="2"/>
  <c r="BL40" i="2"/>
  <c r="BK40" i="2"/>
  <c r="BJ40" i="2"/>
  <c r="BI40" i="2"/>
  <c r="BH40" i="2"/>
  <c r="BG40" i="2"/>
  <c r="BF40" i="2"/>
  <c r="BE40" i="2"/>
  <c r="BD40" i="2"/>
  <c r="BC40" i="2"/>
  <c r="BB40" i="2"/>
  <c r="BA40" i="2"/>
  <c r="AZ40" i="2"/>
  <c r="AY40" i="2"/>
  <c r="AX40" i="2"/>
  <c r="AW40" i="2"/>
  <c r="AV40" i="2"/>
  <c r="AU40" i="2"/>
  <c r="AT40" i="2"/>
  <c r="AS40" i="2"/>
  <c r="AR40" i="2"/>
  <c r="AQ40" i="2"/>
  <c r="AP40" i="2"/>
  <c r="AO40" i="2"/>
  <c r="AN40" i="2"/>
  <c r="AM40" i="2"/>
  <c r="AL40" i="2"/>
  <c r="AK40" i="2"/>
  <c r="AJ40" i="2"/>
  <c r="AI40" i="2"/>
  <c r="AH40" i="2"/>
  <c r="AG40" i="2"/>
  <c r="AF40" i="2"/>
  <c r="AE40" i="2"/>
  <c r="AD40" i="2"/>
  <c r="AC40" i="2"/>
  <c r="AB40" i="2"/>
  <c r="AA40" i="2"/>
  <c r="Z40" i="2"/>
  <c r="Y40" i="2"/>
  <c r="X40" i="2"/>
  <c r="W40" i="2"/>
  <c r="V40" i="2"/>
  <c r="U40" i="2"/>
  <c r="T40" i="2"/>
  <c r="S40" i="2"/>
  <c r="R40" i="2"/>
  <c r="Q40" i="2"/>
  <c r="P40" i="2"/>
  <c r="O40" i="2"/>
  <c r="N40" i="2"/>
  <c r="M40" i="2"/>
  <c r="L40" i="2"/>
  <c r="K40" i="2"/>
  <c r="J40" i="2"/>
  <c r="I40" i="2"/>
  <c r="H40" i="2"/>
  <c r="G40" i="2"/>
  <c r="F40" i="2"/>
  <c r="E40" i="2"/>
  <c r="D40" i="2"/>
  <c r="BQ39" i="2"/>
  <c r="BP39" i="2"/>
  <c r="BO39" i="2"/>
  <c r="BN39" i="2"/>
  <c r="BM39" i="2"/>
  <c r="BL39" i="2"/>
  <c r="BK39" i="2"/>
  <c r="BJ39" i="2"/>
  <c r="BI39" i="2"/>
  <c r="BH39" i="2"/>
  <c r="BG39" i="2"/>
  <c r="BF39" i="2"/>
  <c r="BE39" i="2"/>
  <c r="BD39" i="2"/>
  <c r="BC39" i="2"/>
  <c r="BB39" i="2"/>
  <c r="BA39" i="2"/>
  <c r="AZ39" i="2"/>
  <c r="AY39" i="2"/>
  <c r="AX39" i="2"/>
  <c r="AW39" i="2"/>
  <c r="AV39" i="2"/>
  <c r="AU39" i="2"/>
  <c r="AT39" i="2"/>
  <c r="AS39" i="2"/>
  <c r="AR39" i="2"/>
  <c r="AQ39" i="2"/>
  <c r="AP39" i="2"/>
  <c r="AO39" i="2"/>
  <c r="AN39" i="2"/>
  <c r="AM39" i="2"/>
  <c r="AL39" i="2"/>
  <c r="AK39" i="2"/>
  <c r="AJ39" i="2"/>
  <c r="AI39" i="2"/>
  <c r="AH39" i="2"/>
  <c r="AG39" i="2"/>
  <c r="AF39" i="2"/>
  <c r="AE39" i="2"/>
  <c r="AD39" i="2"/>
  <c r="AC39" i="2"/>
  <c r="AB39" i="2"/>
  <c r="AA39" i="2"/>
  <c r="Z39" i="2"/>
  <c r="Y39" i="2"/>
  <c r="X39" i="2"/>
  <c r="W39" i="2"/>
  <c r="V39" i="2"/>
  <c r="U39" i="2"/>
  <c r="T39" i="2"/>
  <c r="S39" i="2"/>
  <c r="R39" i="2"/>
  <c r="Q39" i="2"/>
  <c r="P39" i="2"/>
  <c r="O39" i="2"/>
  <c r="N39" i="2"/>
  <c r="M39" i="2"/>
  <c r="L39" i="2"/>
  <c r="K39" i="2"/>
  <c r="J39" i="2"/>
  <c r="I39" i="2"/>
  <c r="H39" i="2"/>
  <c r="G39" i="2"/>
  <c r="F39" i="2"/>
  <c r="E39" i="2"/>
  <c r="D39" i="2"/>
  <c r="BQ38" i="2"/>
  <c r="BP38" i="2"/>
  <c r="BO38" i="2"/>
  <c r="BN38" i="2"/>
  <c r="BM38" i="2"/>
  <c r="BL38" i="2"/>
  <c r="BK38" i="2"/>
  <c r="BJ38" i="2"/>
  <c r="BI38" i="2"/>
  <c r="BH38" i="2"/>
  <c r="BG38" i="2"/>
  <c r="BF38" i="2"/>
  <c r="BE38" i="2"/>
  <c r="BD38" i="2"/>
  <c r="BC38" i="2"/>
  <c r="BB38" i="2"/>
  <c r="BA38" i="2"/>
  <c r="AZ38" i="2"/>
  <c r="AY38" i="2"/>
  <c r="AX38" i="2"/>
  <c r="AW38" i="2"/>
  <c r="AV38" i="2"/>
  <c r="AU38" i="2"/>
  <c r="AT38" i="2"/>
  <c r="AS38" i="2"/>
  <c r="AR38" i="2"/>
  <c r="AQ38" i="2"/>
  <c r="AP38" i="2"/>
  <c r="AO38" i="2"/>
  <c r="AN38" i="2"/>
  <c r="AM38" i="2"/>
  <c r="AL38" i="2"/>
  <c r="AK38" i="2"/>
  <c r="AJ38" i="2"/>
  <c r="AI38" i="2"/>
  <c r="AH38" i="2"/>
  <c r="AG38" i="2"/>
  <c r="AF38" i="2"/>
  <c r="AE38" i="2"/>
  <c r="AD38" i="2"/>
  <c r="AC38" i="2"/>
  <c r="AB38" i="2"/>
  <c r="AA38" i="2"/>
  <c r="Z38" i="2"/>
  <c r="Y38" i="2"/>
  <c r="X38" i="2"/>
  <c r="W38" i="2"/>
  <c r="V38" i="2"/>
  <c r="U38" i="2"/>
  <c r="T38" i="2"/>
  <c r="S38" i="2"/>
  <c r="R38" i="2"/>
  <c r="Q38" i="2"/>
  <c r="P38" i="2"/>
  <c r="O38" i="2"/>
  <c r="N38" i="2"/>
  <c r="M38" i="2"/>
  <c r="L38" i="2"/>
  <c r="K38" i="2"/>
  <c r="J38" i="2"/>
  <c r="I38" i="2"/>
  <c r="H38" i="2"/>
  <c r="G38" i="2"/>
  <c r="F38" i="2"/>
  <c r="E38" i="2"/>
  <c r="D38" i="2"/>
  <c r="BQ37" i="2"/>
  <c r="BP37" i="2"/>
  <c r="BO37" i="2"/>
  <c r="BN37" i="2"/>
  <c r="BM37" i="2"/>
  <c r="BL37" i="2"/>
  <c r="BK37" i="2"/>
  <c r="BJ37" i="2"/>
  <c r="BI37" i="2"/>
  <c r="BH37" i="2"/>
  <c r="BG37" i="2"/>
  <c r="BF37" i="2"/>
  <c r="BE37" i="2"/>
  <c r="BD37" i="2"/>
  <c r="BC37" i="2"/>
  <c r="BB37" i="2"/>
  <c r="BA37" i="2"/>
  <c r="AZ37" i="2"/>
  <c r="AY37" i="2"/>
  <c r="AX37" i="2"/>
  <c r="AW37" i="2"/>
  <c r="AV37" i="2"/>
  <c r="AU37" i="2"/>
  <c r="AT37" i="2"/>
  <c r="AS37" i="2"/>
  <c r="AR37" i="2"/>
  <c r="AQ37" i="2"/>
  <c r="AP37" i="2"/>
  <c r="AO37" i="2"/>
  <c r="AN37" i="2"/>
  <c r="AM37" i="2"/>
  <c r="AL37" i="2"/>
  <c r="AK37" i="2"/>
  <c r="AJ37" i="2"/>
  <c r="AI37" i="2"/>
  <c r="AH37" i="2"/>
  <c r="AG37" i="2"/>
  <c r="AF37" i="2"/>
  <c r="AE37" i="2"/>
  <c r="AD37" i="2"/>
  <c r="AC37" i="2"/>
  <c r="AB37" i="2"/>
  <c r="AA37" i="2"/>
  <c r="Z37" i="2"/>
  <c r="Y37" i="2"/>
  <c r="X37" i="2"/>
  <c r="W37" i="2"/>
  <c r="V37" i="2"/>
  <c r="U37" i="2"/>
  <c r="T37" i="2"/>
  <c r="S37" i="2"/>
  <c r="R37" i="2"/>
  <c r="Q37" i="2"/>
  <c r="P37" i="2"/>
  <c r="O37" i="2"/>
  <c r="N37" i="2"/>
  <c r="M37" i="2"/>
  <c r="L37" i="2"/>
  <c r="K37" i="2"/>
  <c r="J37" i="2"/>
  <c r="I37" i="2"/>
  <c r="H37" i="2"/>
  <c r="G37" i="2"/>
  <c r="F37" i="2"/>
  <c r="E37" i="2"/>
  <c r="D37" i="2"/>
  <c r="BQ36" i="2"/>
  <c r="BP36" i="2"/>
  <c r="BO36" i="2"/>
  <c r="BN36" i="2"/>
  <c r="BM36" i="2"/>
  <c r="BL36" i="2"/>
  <c r="BK36" i="2"/>
  <c r="BJ36" i="2"/>
  <c r="BI36" i="2"/>
  <c r="BH36" i="2"/>
  <c r="BG36" i="2"/>
  <c r="BF36" i="2"/>
  <c r="BE36" i="2"/>
  <c r="BD36" i="2"/>
  <c r="BC36" i="2"/>
  <c r="BB36" i="2"/>
  <c r="BA36" i="2"/>
  <c r="AZ36" i="2"/>
  <c r="AY36" i="2"/>
  <c r="AX36" i="2"/>
  <c r="AW36" i="2"/>
  <c r="AV36" i="2"/>
  <c r="AU36" i="2"/>
  <c r="AT36" i="2"/>
  <c r="AS36" i="2"/>
  <c r="AR36" i="2"/>
  <c r="AQ36" i="2"/>
  <c r="AP36" i="2"/>
  <c r="AO36" i="2"/>
  <c r="AN36" i="2"/>
  <c r="AM36" i="2"/>
  <c r="AL36" i="2"/>
  <c r="AK36" i="2"/>
  <c r="AJ36" i="2"/>
  <c r="AI36" i="2"/>
  <c r="AH36" i="2"/>
  <c r="AG36" i="2"/>
  <c r="AF36" i="2"/>
  <c r="AE36" i="2"/>
  <c r="AD36" i="2"/>
  <c r="AC36" i="2"/>
  <c r="AB36" i="2"/>
  <c r="AA36" i="2"/>
  <c r="Z36" i="2"/>
  <c r="Y36" i="2"/>
  <c r="X36" i="2"/>
  <c r="W36" i="2"/>
  <c r="V36" i="2"/>
  <c r="U36" i="2"/>
  <c r="T36" i="2"/>
  <c r="S36" i="2"/>
  <c r="R36" i="2"/>
  <c r="Q36" i="2"/>
  <c r="P36" i="2"/>
  <c r="O36" i="2"/>
  <c r="N36" i="2"/>
  <c r="M36" i="2"/>
  <c r="L36" i="2"/>
  <c r="K36" i="2"/>
  <c r="J36" i="2"/>
  <c r="I36" i="2"/>
  <c r="H36" i="2"/>
  <c r="G36" i="2"/>
  <c r="F36" i="2"/>
  <c r="E36" i="2"/>
  <c r="D36" i="2"/>
  <c r="BQ35" i="2"/>
  <c r="BP35" i="2"/>
  <c r="BO35" i="2"/>
  <c r="BN35" i="2"/>
  <c r="BM35" i="2"/>
  <c r="BL35" i="2"/>
  <c r="BK35" i="2"/>
  <c r="BJ35" i="2"/>
  <c r="BI35" i="2"/>
  <c r="BH35" i="2"/>
  <c r="BG35" i="2"/>
  <c r="BF35" i="2"/>
  <c r="BE35" i="2"/>
  <c r="BD35" i="2"/>
  <c r="BC35" i="2"/>
  <c r="BB35" i="2"/>
  <c r="BA35" i="2"/>
  <c r="AZ35" i="2"/>
  <c r="AY35" i="2"/>
  <c r="AX35" i="2"/>
  <c r="AW35" i="2"/>
  <c r="AV35" i="2"/>
  <c r="AU35" i="2"/>
  <c r="AT35" i="2"/>
  <c r="AS35" i="2"/>
  <c r="AR35" i="2"/>
  <c r="AQ35" i="2"/>
  <c r="AP35" i="2"/>
  <c r="AO35" i="2"/>
  <c r="AN35" i="2"/>
  <c r="AM35" i="2"/>
  <c r="AL35" i="2"/>
  <c r="AK35" i="2"/>
  <c r="AJ35" i="2"/>
  <c r="AI35" i="2"/>
  <c r="AH35" i="2"/>
  <c r="AG35" i="2"/>
  <c r="AF35" i="2"/>
  <c r="AE35" i="2"/>
  <c r="AD35" i="2"/>
  <c r="AC35" i="2"/>
  <c r="AB35" i="2"/>
  <c r="AA35" i="2"/>
  <c r="Z35" i="2"/>
  <c r="Y35" i="2"/>
  <c r="X35" i="2"/>
  <c r="W35" i="2"/>
  <c r="V35" i="2"/>
  <c r="U35" i="2"/>
  <c r="T35" i="2"/>
  <c r="S35" i="2"/>
  <c r="R35" i="2"/>
  <c r="Q35" i="2"/>
  <c r="P35" i="2"/>
  <c r="O35" i="2"/>
  <c r="N35" i="2"/>
  <c r="M35" i="2"/>
  <c r="L35" i="2"/>
  <c r="K35" i="2"/>
  <c r="J35" i="2"/>
  <c r="I35" i="2"/>
  <c r="H35" i="2"/>
  <c r="G35" i="2"/>
  <c r="F35" i="2"/>
  <c r="E35" i="2"/>
  <c r="D35" i="2"/>
  <c r="BQ34" i="2"/>
  <c r="BP34" i="2"/>
  <c r="BO34" i="2"/>
  <c r="BN34" i="2"/>
  <c r="BM34" i="2"/>
  <c r="BL34" i="2"/>
  <c r="BK34" i="2"/>
  <c r="BJ34" i="2"/>
  <c r="BI34" i="2"/>
  <c r="BH34" i="2"/>
  <c r="BG34" i="2"/>
  <c r="BF34" i="2"/>
  <c r="BE34" i="2"/>
  <c r="BD34" i="2"/>
  <c r="BC34" i="2"/>
  <c r="BB34" i="2"/>
  <c r="BA34" i="2"/>
  <c r="AZ34" i="2"/>
  <c r="AY34" i="2"/>
  <c r="AX34" i="2"/>
  <c r="AW34" i="2"/>
  <c r="AV34" i="2"/>
  <c r="AU34" i="2"/>
  <c r="AT34" i="2"/>
  <c r="AS34" i="2"/>
  <c r="AR34" i="2"/>
  <c r="AQ34" i="2"/>
  <c r="AP34" i="2"/>
  <c r="AO34" i="2"/>
  <c r="AN34" i="2"/>
  <c r="AM34" i="2"/>
  <c r="AL34" i="2"/>
  <c r="AK34" i="2"/>
  <c r="AJ34" i="2"/>
  <c r="AI34" i="2"/>
  <c r="AH34" i="2"/>
  <c r="AG34" i="2"/>
  <c r="AF34" i="2"/>
  <c r="AE34" i="2"/>
  <c r="AD34" i="2"/>
  <c r="AC34" i="2"/>
  <c r="AB34" i="2"/>
  <c r="AA34" i="2"/>
  <c r="Z34" i="2"/>
  <c r="Y34" i="2"/>
  <c r="X34" i="2"/>
  <c r="W34" i="2"/>
  <c r="V34" i="2"/>
  <c r="U34" i="2"/>
  <c r="T34" i="2"/>
  <c r="S34" i="2"/>
  <c r="R34" i="2"/>
  <c r="Q34" i="2"/>
  <c r="P34" i="2"/>
  <c r="O34" i="2"/>
  <c r="N34" i="2"/>
  <c r="M34" i="2"/>
  <c r="L34" i="2"/>
  <c r="K34" i="2"/>
  <c r="J34" i="2"/>
  <c r="I34" i="2"/>
  <c r="H34" i="2"/>
  <c r="G34" i="2"/>
  <c r="F34" i="2"/>
  <c r="E34" i="2"/>
  <c r="D34" i="2"/>
  <c r="BQ33" i="2"/>
  <c r="BP33" i="2"/>
  <c r="BO33" i="2"/>
  <c r="BN33" i="2"/>
  <c r="BM33" i="2"/>
  <c r="BL33" i="2"/>
  <c r="BK33" i="2"/>
  <c r="BJ33" i="2"/>
  <c r="BI33" i="2"/>
  <c r="BH33" i="2"/>
  <c r="BG33" i="2"/>
  <c r="BF33" i="2"/>
  <c r="BE33" i="2"/>
  <c r="BD33" i="2"/>
  <c r="BC33" i="2"/>
  <c r="BB33" i="2"/>
  <c r="BA33" i="2"/>
  <c r="AZ33" i="2"/>
  <c r="AY33" i="2"/>
  <c r="AX33" i="2"/>
  <c r="AW33" i="2"/>
  <c r="AV33" i="2"/>
  <c r="AU33" i="2"/>
  <c r="AT33" i="2"/>
  <c r="AS33" i="2"/>
  <c r="AR33" i="2"/>
  <c r="AQ33" i="2"/>
  <c r="AP33" i="2"/>
  <c r="AO33" i="2"/>
  <c r="AN33" i="2"/>
  <c r="AM33" i="2"/>
  <c r="AL33" i="2"/>
  <c r="AK33" i="2"/>
  <c r="AJ33" i="2"/>
  <c r="AI33" i="2"/>
  <c r="AH33" i="2"/>
  <c r="AG33" i="2"/>
  <c r="AF33" i="2"/>
  <c r="AE33" i="2"/>
  <c r="AD33" i="2"/>
  <c r="AC33" i="2"/>
  <c r="AB33" i="2"/>
  <c r="AA33" i="2"/>
  <c r="Z33" i="2"/>
  <c r="Y33" i="2"/>
  <c r="X33" i="2"/>
  <c r="W33" i="2"/>
  <c r="V33" i="2"/>
  <c r="U33" i="2"/>
  <c r="T33" i="2"/>
  <c r="S33" i="2"/>
  <c r="R33" i="2"/>
  <c r="Q33" i="2"/>
  <c r="P33" i="2"/>
  <c r="O33" i="2"/>
  <c r="N33" i="2"/>
  <c r="M33" i="2"/>
  <c r="L33" i="2"/>
  <c r="K33" i="2"/>
  <c r="J33" i="2"/>
  <c r="I33" i="2"/>
  <c r="H33" i="2"/>
  <c r="G33" i="2"/>
  <c r="F33" i="2"/>
  <c r="E33" i="2"/>
  <c r="D33" i="2"/>
  <c r="BQ32" i="2"/>
  <c r="BP32" i="2"/>
  <c r="BO32" i="2"/>
  <c r="BN32" i="2"/>
  <c r="BM32" i="2"/>
  <c r="BL32" i="2"/>
  <c r="BK32" i="2"/>
  <c r="BJ32" i="2"/>
  <c r="BI32" i="2"/>
  <c r="BH32" i="2"/>
  <c r="BG32" i="2"/>
  <c r="BF32" i="2"/>
  <c r="BE32" i="2"/>
  <c r="BD32" i="2"/>
  <c r="BC32" i="2"/>
  <c r="BB32" i="2"/>
  <c r="BA32" i="2"/>
  <c r="AZ32" i="2"/>
  <c r="AY32" i="2"/>
  <c r="AX32" i="2"/>
  <c r="AW32" i="2"/>
  <c r="AV32" i="2"/>
  <c r="AU32" i="2"/>
  <c r="AT32" i="2"/>
  <c r="AS32" i="2"/>
  <c r="AR32" i="2"/>
  <c r="AQ32" i="2"/>
  <c r="AP32" i="2"/>
  <c r="AO32" i="2"/>
  <c r="AN32" i="2"/>
  <c r="AM32" i="2"/>
  <c r="AL32" i="2"/>
  <c r="AK32" i="2"/>
  <c r="AJ32" i="2"/>
  <c r="AI32" i="2"/>
  <c r="AH32" i="2"/>
  <c r="AG32" i="2"/>
  <c r="AF32" i="2"/>
  <c r="AE32" i="2"/>
  <c r="AD32" i="2"/>
  <c r="AC32" i="2"/>
  <c r="AB32" i="2"/>
  <c r="AA32" i="2"/>
  <c r="Z32" i="2"/>
  <c r="Y32" i="2"/>
  <c r="X32" i="2"/>
  <c r="W32" i="2"/>
  <c r="V32" i="2"/>
  <c r="U32" i="2"/>
  <c r="T32" i="2"/>
  <c r="S32" i="2"/>
  <c r="R32" i="2"/>
  <c r="Q32" i="2"/>
  <c r="P32" i="2"/>
  <c r="O32" i="2"/>
  <c r="N32" i="2"/>
  <c r="M32" i="2"/>
  <c r="L32" i="2"/>
  <c r="K32" i="2"/>
  <c r="J32" i="2"/>
  <c r="I32" i="2"/>
  <c r="H32" i="2"/>
  <c r="G32" i="2"/>
  <c r="F32" i="2"/>
  <c r="E32" i="2"/>
  <c r="D32" i="2"/>
  <c r="BQ31" i="2"/>
  <c r="BP31" i="2"/>
  <c r="BO31" i="2"/>
  <c r="BN31" i="2"/>
  <c r="BM31" i="2"/>
  <c r="BL31" i="2"/>
  <c r="BK31" i="2"/>
  <c r="BJ31" i="2"/>
  <c r="BI31" i="2"/>
  <c r="BH31" i="2"/>
  <c r="BG31" i="2"/>
  <c r="BF31" i="2"/>
  <c r="BE31" i="2"/>
  <c r="BD31" i="2"/>
  <c r="BC31" i="2"/>
  <c r="BB31" i="2"/>
  <c r="BA31" i="2"/>
  <c r="AZ31" i="2"/>
  <c r="AY31" i="2"/>
  <c r="AX31" i="2"/>
  <c r="AW31" i="2"/>
  <c r="AV31" i="2"/>
  <c r="AU31" i="2"/>
  <c r="AT31" i="2"/>
  <c r="AS31" i="2"/>
  <c r="AR31" i="2"/>
  <c r="AQ31" i="2"/>
  <c r="AP31" i="2"/>
  <c r="AO31" i="2"/>
  <c r="AN31" i="2"/>
  <c r="AM31" i="2"/>
  <c r="AL31" i="2"/>
  <c r="AK31" i="2"/>
  <c r="AJ31" i="2"/>
  <c r="AI31" i="2"/>
  <c r="AH31" i="2"/>
  <c r="AG31" i="2"/>
  <c r="AF31" i="2"/>
  <c r="AE31" i="2"/>
  <c r="AD31" i="2"/>
  <c r="AC31" i="2"/>
  <c r="AB31" i="2"/>
  <c r="AA31" i="2"/>
  <c r="Z31" i="2"/>
  <c r="Y31" i="2"/>
  <c r="X31" i="2"/>
  <c r="W31" i="2"/>
  <c r="V31" i="2"/>
  <c r="U31" i="2"/>
  <c r="T31" i="2"/>
  <c r="S31" i="2"/>
  <c r="R31" i="2"/>
  <c r="Q31" i="2"/>
  <c r="P31" i="2"/>
  <c r="O31" i="2"/>
  <c r="N31" i="2"/>
  <c r="M31" i="2"/>
  <c r="L31" i="2"/>
  <c r="K31" i="2"/>
  <c r="J31" i="2"/>
  <c r="I31" i="2"/>
  <c r="H31" i="2"/>
  <c r="G31" i="2"/>
  <c r="F31" i="2"/>
  <c r="E31" i="2"/>
  <c r="D31" i="2"/>
  <c r="BQ30" i="2"/>
  <c r="BP30" i="2"/>
  <c r="BO30" i="2"/>
  <c r="BN30" i="2"/>
  <c r="BM30" i="2"/>
  <c r="BL30" i="2"/>
  <c r="BK30" i="2"/>
  <c r="BJ30" i="2"/>
  <c r="BI30" i="2"/>
  <c r="BH30" i="2"/>
  <c r="BG30" i="2"/>
  <c r="BF30" i="2"/>
  <c r="BE30" i="2"/>
  <c r="BD30" i="2"/>
  <c r="BC30" i="2"/>
  <c r="BB30" i="2"/>
  <c r="BA30" i="2"/>
  <c r="AZ30" i="2"/>
  <c r="AY30" i="2"/>
  <c r="AX30" i="2"/>
  <c r="AW30" i="2"/>
  <c r="AV30" i="2"/>
  <c r="AU30" i="2"/>
  <c r="AT30" i="2"/>
  <c r="AS30" i="2"/>
  <c r="AR30" i="2"/>
  <c r="AQ30" i="2"/>
  <c r="AP30" i="2"/>
  <c r="AO30" i="2"/>
  <c r="AN30" i="2"/>
  <c r="AM30" i="2"/>
  <c r="AL30" i="2"/>
  <c r="AK30" i="2"/>
  <c r="AJ30" i="2"/>
  <c r="AI30" i="2"/>
  <c r="AH30" i="2"/>
  <c r="AG30" i="2"/>
  <c r="AF30" i="2"/>
  <c r="AE30" i="2"/>
  <c r="AD30" i="2"/>
  <c r="AC30" i="2"/>
  <c r="AB30" i="2"/>
  <c r="AA30" i="2"/>
  <c r="Z30" i="2"/>
  <c r="Y30" i="2"/>
  <c r="X30" i="2"/>
  <c r="W30" i="2"/>
  <c r="V30" i="2"/>
  <c r="U30" i="2"/>
  <c r="T30" i="2"/>
  <c r="S30" i="2"/>
  <c r="R30" i="2"/>
  <c r="Q30" i="2"/>
  <c r="P30" i="2"/>
  <c r="O30" i="2"/>
  <c r="N30" i="2"/>
  <c r="M30" i="2"/>
  <c r="L30" i="2"/>
  <c r="K30" i="2"/>
  <c r="J30" i="2"/>
  <c r="I30" i="2"/>
  <c r="H30" i="2"/>
  <c r="G30" i="2"/>
  <c r="F30" i="2"/>
  <c r="E30" i="2"/>
  <c r="D30" i="2"/>
  <c r="BQ29" i="2"/>
  <c r="BP29" i="2"/>
  <c r="BO29" i="2"/>
  <c r="BN29" i="2"/>
  <c r="BM29" i="2"/>
  <c r="BL29" i="2"/>
  <c r="BK29" i="2"/>
  <c r="BJ29" i="2"/>
  <c r="BI29" i="2"/>
  <c r="BH29" i="2"/>
  <c r="BG29" i="2"/>
  <c r="BF29" i="2"/>
  <c r="BE29" i="2"/>
  <c r="BD29" i="2"/>
  <c r="BC29" i="2"/>
  <c r="BB29" i="2"/>
  <c r="BA29" i="2"/>
  <c r="AZ29" i="2"/>
  <c r="AY29" i="2"/>
  <c r="AX29" i="2"/>
  <c r="AW29" i="2"/>
  <c r="AV29" i="2"/>
  <c r="AU29" i="2"/>
  <c r="AT29" i="2"/>
  <c r="AS29" i="2"/>
  <c r="AR29" i="2"/>
  <c r="AQ29" i="2"/>
  <c r="AP29" i="2"/>
  <c r="AO29" i="2"/>
  <c r="AN29" i="2"/>
  <c r="AM29" i="2"/>
  <c r="AL29" i="2"/>
  <c r="AK29" i="2"/>
  <c r="AJ29" i="2"/>
  <c r="AI29" i="2"/>
  <c r="AH29" i="2"/>
  <c r="AG29" i="2"/>
  <c r="AF29" i="2"/>
  <c r="AE29" i="2"/>
  <c r="AD29" i="2"/>
  <c r="AC29" i="2"/>
  <c r="AB29" i="2"/>
  <c r="AA29" i="2"/>
  <c r="Z29" i="2"/>
  <c r="Y29" i="2"/>
  <c r="X29" i="2"/>
  <c r="W29" i="2"/>
  <c r="V29" i="2"/>
  <c r="U29" i="2"/>
  <c r="T29" i="2"/>
  <c r="S29" i="2"/>
  <c r="R29" i="2"/>
  <c r="Q29" i="2"/>
  <c r="P29" i="2"/>
  <c r="O29" i="2"/>
  <c r="N29" i="2"/>
  <c r="M29" i="2"/>
  <c r="L29" i="2"/>
  <c r="K29" i="2"/>
  <c r="J29" i="2"/>
  <c r="I29" i="2"/>
  <c r="H29" i="2"/>
  <c r="G29" i="2"/>
  <c r="F29" i="2"/>
  <c r="E29" i="2"/>
  <c r="D29" i="2"/>
  <c r="BQ28" i="2"/>
  <c r="BP28" i="2"/>
  <c r="BO28" i="2"/>
  <c r="BN28" i="2"/>
  <c r="BM28" i="2"/>
  <c r="BL28" i="2"/>
  <c r="BK28" i="2"/>
  <c r="BJ28" i="2"/>
  <c r="BI28" i="2"/>
  <c r="BH28" i="2"/>
  <c r="BG28" i="2"/>
  <c r="BF28" i="2"/>
  <c r="BE28" i="2"/>
  <c r="BD28" i="2"/>
  <c r="BC28" i="2"/>
  <c r="BB28" i="2"/>
  <c r="BA28" i="2"/>
  <c r="AZ28" i="2"/>
  <c r="AY28" i="2"/>
  <c r="AX28" i="2"/>
  <c r="AW28" i="2"/>
  <c r="AV28" i="2"/>
  <c r="AU28" i="2"/>
  <c r="AT28" i="2"/>
  <c r="AS28" i="2"/>
  <c r="AR28" i="2"/>
  <c r="AQ28" i="2"/>
  <c r="AP28" i="2"/>
  <c r="AO28" i="2"/>
  <c r="AN28" i="2"/>
  <c r="AM28" i="2"/>
  <c r="AL28" i="2"/>
  <c r="AK28" i="2"/>
  <c r="AJ28" i="2"/>
  <c r="AI28" i="2"/>
  <c r="AH28" i="2"/>
  <c r="AG28" i="2"/>
  <c r="AF28" i="2"/>
  <c r="AE28" i="2"/>
  <c r="AD28" i="2"/>
  <c r="AC28" i="2"/>
  <c r="AB28" i="2"/>
  <c r="AA28" i="2"/>
  <c r="Z28" i="2"/>
  <c r="Y28" i="2"/>
  <c r="X28" i="2"/>
  <c r="W28" i="2"/>
  <c r="V28" i="2"/>
  <c r="U28" i="2"/>
  <c r="T28" i="2"/>
  <c r="S28" i="2"/>
  <c r="R28" i="2"/>
  <c r="Q28" i="2"/>
  <c r="P28" i="2"/>
  <c r="O28" i="2"/>
  <c r="N28" i="2"/>
  <c r="M28" i="2"/>
  <c r="L28" i="2"/>
  <c r="K28" i="2"/>
  <c r="J28" i="2"/>
  <c r="I28" i="2"/>
  <c r="H28" i="2"/>
  <c r="G28" i="2"/>
  <c r="F28" i="2"/>
  <c r="E28" i="2"/>
  <c r="D28" i="2"/>
  <c r="BQ27" i="2"/>
  <c r="BP27" i="2"/>
  <c r="BO27" i="2"/>
  <c r="BN27" i="2"/>
  <c r="BM27" i="2"/>
  <c r="BL27" i="2"/>
  <c r="BK27" i="2"/>
  <c r="BJ27" i="2"/>
  <c r="BI27" i="2"/>
  <c r="BH27" i="2"/>
  <c r="BG27" i="2"/>
  <c r="BF27" i="2"/>
  <c r="BE27" i="2"/>
  <c r="BD27" i="2"/>
  <c r="BC27" i="2"/>
  <c r="BB27" i="2"/>
  <c r="BA27" i="2"/>
  <c r="AZ27" i="2"/>
  <c r="AY27" i="2"/>
  <c r="AX27" i="2"/>
  <c r="AW27" i="2"/>
  <c r="AV27" i="2"/>
  <c r="AU27" i="2"/>
  <c r="AT27" i="2"/>
  <c r="AS27" i="2"/>
  <c r="AR27" i="2"/>
  <c r="AQ27" i="2"/>
  <c r="AP27" i="2"/>
  <c r="AO27" i="2"/>
  <c r="AN27" i="2"/>
  <c r="AM27" i="2"/>
  <c r="AL27" i="2"/>
  <c r="AK27" i="2"/>
  <c r="AJ27" i="2"/>
  <c r="AI27" i="2"/>
  <c r="AH27" i="2"/>
  <c r="AG27" i="2"/>
  <c r="AF27" i="2"/>
  <c r="AE27" i="2"/>
  <c r="AD27" i="2"/>
  <c r="AC27" i="2"/>
  <c r="AB27" i="2"/>
  <c r="AA27" i="2"/>
  <c r="Z27" i="2"/>
  <c r="Y27" i="2"/>
  <c r="X27" i="2"/>
  <c r="W27" i="2"/>
  <c r="V27" i="2"/>
  <c r="U27" i="2"/>
  <c r="T27" i="2"/>
  <c r="S27" i="2"/>
  <c r="R27" i="2"/>
  <c r="Q27" i="2"/>
  <c r="P27" i="2"/>
  <c r="O27" i="2"/>
  <c r="N27" i="2"/>
  <c r="M27" i="2"/>
  <c r="L27" i="2"/>
  <c r="K27" i="2"/>
  <c r="J27" i="2"/>
  <c r="I27" i="2"/>
  <c r="H27" i="2"/>
  <c r="G27" i="2"/>
  <c r="F27" i="2"/>
  <c r="E27" i="2"/>
  <c r="D27" i="2"/>
  <c r="BQ26" i="2"/>
  <c r="BP26" i="2"/>
  <c r="BO26" i="2"/>
  <c r="BN26" i="2"/>
  <c r="BM26" i="2"/>
  <c r="BL26" i="2"/>
  <c r="BK26" i="2"/>
  <c r="BJ26" i="2"/>
  <c r="BI26" i="2"/>
  <c r="BH26" i="2"/>
  <c r="BG26" i="2"/>
  <c r="BF26" i="2"/>
  <c r="BE26" i="2"/>
  <c r="BD26" i="2"/>
  <c r="BC26" i="2"/>
  <c r="BB26" i="2"/>
  <c r="BA26" i="2"/>
  <c r="AZ26" i="2"/>
  <c r="AY26" i="2"/>
  <c r="AX26" i="2"/>
  <c r="AW26" i="2"/>
  <c r="AV26" i="2"/>
  <c r="AU26" i="2"/>
  <c r="AT26" i="2"/>
  <c r="AS26" i="2"/>
  <c r="AR26" i="2"/>
  <c r="AQ26" i="2"/>
  <c r="AP26" i="2"/>
  <c r="AO26" i="2"/>
  <c r="AN26" i="2"/>
  <c r="AM26" i="2"/>
  <c r="AL26" i="2"/>
  <c r="AK26" i="2"/>
  <c r="AJ26" i="2"/>
  <c r="AI26" i="2"/>
  <c r="AH26" i="2"/>
  <c r="AG26" i="2"/>
  <c r="AF26" i="2"/>
  <c r="AE26" i="2"/>
  <c r="AD26" i="2"/>
  <c r="AC26" i="2"/>
  <c r="AB26" i="2"/>
  <c r="AA26" i="2"/>
  <c r="Z26" i="2"/>
  <c r="Y26" i="2"/>
  <c r="X26" i="2"/>
  <c r="W26" i="2"/>
  <c r="V26" i="2"/>
  <c r="U26" i="2"/>
  <c r="T26" i="2"/>
  <c r="S26" i="2"/>
  <c r="R26" i="2"/>
  <c r="Q26" i="2"/>
  <c r="P26" i="2"/>
  <c r="O26" i="2"/>
  <c r="N26" i="2"/>
  <c r="M26" i="2"/>
  <c r="L26" i="2"/>
  <c r="K26" i="2"/>
  <c r="J26" i="2"/>
  <c r="I26" i="2"/>
  <c r="H26" i="2"/>
  <c r="G26" i="2"/>
  <c r="F26" i="2"/>
  <c r="E26" i="2"/>
  <c r="D26" i="2"/>
  <c r="BQ25" i="2"/>
  <c r="BP25" i="2"/>
  <c r="BO25" i="2"/>
  <c r="BN25" i="2"/>
  <c r="BM25" i="2"/>
  <c r="BL25" i="2"/>
  <c r="BK25" i="2"/>
  <c r="BJ25" i="2"/>
  <c r="BI25" i="2"/>
  <c r="BH25" i="2"/>
  <c r="BG25" i="2"/>
  <c r="BF25" i="2"/>
  <c r="BE25" i="2"/>
  <c r="BD25" i="2"/>
  <c r="BC25" i="2"/>
  <c r="BB25" i="2"/>
  <c r="BA25" i="2"/>
  <c r="AZ25" i="2"/>
  <c r="AY25" i="2"/>
  <c r="AX25" i="2"/>
  <c r="AW25" i="2"/>
  <c r="AV25" i="2"/>
  <c r="AU25" i="2"/>
  <c r="AT25" i="2"/>
  <c r="AS25" i="2"/>
  <c r="AR25" i="2"/>
  <c r="AQ25" i="2"/>
  <c r="AP25" i="2"/>
  <c r="AO25" i="2"/>
  <c r="AN25" i="2"/>
  <c r="AM25" i="2"/>
  <c r="AL25" i="2"/>
  <c r="AK25" i="2"/>
  <c r="AJ25" i="2"/>
  <c r="AI25" i="2"/>
  <c r="AH25" i="2"/>
  <c r="AG25" i="2"/>
  <c r="AF25" i="2"/>
  <c r="AE25" i="2"/>
  <c r="AD25" i="2"/>
  <c r="AC25" i="2"/>
  <c r="AB25" i="2"/>
  <c r="AA25" i="2"/>
  <c r="Z25" i="2"/>
  <c r="Y25" i="2"/>
  <c r="X25" i="2"/>
  <c r="W25" i="2"/>
  <c r="V25" i="2"/>
  <c r="U25" i="2"/>
  <c r="T25" i="2"/>
  <c r="S25" i="2"/>
  <c r="R25" i="2"/>
  <c r="Q25" i="2"/>
  <c r="P25" i="2"/>
  <c r="O25" i="2"/>
  <c r="N25" i="2"/>
  <c r="M25" i="2"/>
  <c r="L25" i="2"/>
  <c r="K25" i="2"/>
  <c r="J25" i="2"/>
  <c r="I25" i="2"/>
  <c r="H25" i="2"/>
  <c r="G25" i="2"/>
  <c r="F25" i="2"/>
  <c r="E25" i="2"/>
  <c r="D25" i="2"/>
  <c r="BQ24" i="2"/>
  <c r="BP24" i="2"/>
  <c r="BO24" i="2"/>
  <c r="BN24" i="2"/>
  <c r="BM24" i="2"/>
  <c r="BL24" i="2"/>
  <c r="BK24" i="2"/>
  <c r="BJ24" i="2"/>
  <c r="BI24" i="2"/>
  <c r="BH24" i="2"/>
  <c r="BG24" i="2"/>
  <c r="BF24" i="2"/>
  <c r="BE24" i="2"/>
  <c r="BD24" i="2"/>
  <c r="BC24" i="2"/>
  <c r="BB24" i="2"/>
  <c r="BA24" i="2"/>
  <c r="AZ24" i="2"/>
  <c r="AY24" i="2"/>
  <c r="AX24" i="2"/>
  <c r="AW24" i="2"/>
  <c r="AV24" i="2"/>
  <c r="AU24" i="2"/>
  <c r="AT24" i="2"/>
  <c r="AS24" i="2"/>
  <c r="AR24" i="2"/>
  <c r="AQ24" i="2"/>
  <c r="AP24" i="2"/>
  <c r="AO24" i="2"/>
  <c r="AN24" i="2"/>
  <c r="AM24" i="2"/>
  <c r="AL24" i="2"/>
  <c r="AK24" i="2"/>
  <c r="AJ24" i="2"/>
  <c r="AI24" i="2"/>
  <c r="AH24" i="2"/>
  <c r="AG24" i="2"/>
  <c r="AF24" i="2"/>
  <c r="AE24" i="2"/>
  <c r="AD24" i="2"/>
  <c r="AC24" i="2"/>
  <c r="AB24" i="2"/>
  <c r="AA24" i="2"/>
  <c r="Z24" i="2"/>
  <c r="Y24" i="2"/>
  <c r="X24" i="2"/>
  <c r="W24" i="2"/>
  <c r="V24" i="2"/>
  <c r="U24" i="2"/>
  <c r="T24" i="2"/>
  <c r="S24" i="2"/>
  <c r="R24" i="2"/>
  <c r="Q24" i="2"/>
  <c r="P24" i="2"/>
  <c r="O24" i="2"/>
  <c r="N24" i="2"/>
  <c r="M24" i="2"/>
  <c r="L24" i="2"/>
  <c r="K24" i="2"/>
  <c r="J24" i="2"/>
  <c r="I24" i="2"/>
  <c r="H24" i="2"/>
  <c r="G24" i="2"/>
  <c r="F24" i="2"/>
  <c r="E24" i="2"/>
  <c r="D24" i="2"/>
  <c r="BQ23" i="2"/>
  <c r="BP23" i="2"/>
  <c r="BO23" i="2"/>
  <c r="BN23" i="2"/>
  <c r="BM23" i="2"/>
  <c r="BL23" i="2"/>
  <c r="BK23" i="2"/>
  <c r="BJ23" i="2"/>
  <c r="BI23" i="2"/>
  <c r="BH23" i="2"/>
  <c r="BG23" i="2"/>
  <c r="BF23" i="2"/>
  <c r="BE23" i="2"/>
  <c r="BD23" i="2"/>
  <c r="BC23" i="2"/>
  <c r="BB23" i="2"/>
  <c r="BA23" i="2"/>
  <c r="AZ23" i="2"/>
  <c r="AY23" i="2"/>
  <c r="AX23" i="2"/>
  <c r="AW23" i="2"/>
  <c r="AV23" i="2"/>
  <c r="AU23" i="2"/>
  <c r="AT23" i="2"/>
  <c r="AS23" i="2"/>
  <c r="AR23" i="2"/>
  <c r="AQ23" i="2"/>
  <c r="AP23" i="2"/>
  <c r="AO23" i="2"/>
  <c r="AN23" i="2"/>
  <c r="AM23" i="2"/>
  <c r="AL23" i="2"/>
  <c r="AK23" i="2"/>
  <c r="AJ23" i="2"/>
  <c r="AI23" i="2"/>
  <c r="AH23" i="2"/>
  <c r="AG23" i="2"/>
  <c r="AF23" i="2"/>
  <c r="AE23" i="2"/>
  <c r="AD23" i="2"/>
  <c r="AC23" i="2"/>
  <c r="AB23" i="2"/>
  <c r="AA23" i="2"/>
  <c r="Z23" i="2"/>
  <c r="Y23" i="2"/>
  <c r="X23" i="2"/>
  <c r="W23" i="2"/>
  <c r="V23" i="2"/>
  <c r="U23" i="2"/>
  <c r="T23" i="2"/>
  <c r="S23" i="2"/>
  <c r="R23" i="2"/>
  <c r="Q23" i="2"/>
  <c r="P23" i="2"/>
  <c r="O23" i="2"/>
  <c r="N23" i="2"/>
  <c r="M23" i="2"/>
  <c r="L23" i="2"/>
  <c r="K23" i="2"/>
  <c r="J23" i="2"/>
  <c r="I23" i="2"/>
  <c r="H23" i="2"/>
  <c r="G23" i="2"/>
  <c r="F23" i="2"/>
  <c r="E23" i="2"/>
  <c r="D23" i="2"/>
  <c r="BQ22" i="2"/>
  <c r="BP22" i="2"/>
  <c r="BO22" i="2"/>
  <c r="BN22" i="2"/>
  <c r="BM22" i="2"/>
  <c r="BL22" i="2"/>
  <c r="BK22" i="2"/>
  <c r="BJ22" i="2"/>
  <c r="BI22" i="2"/>
  <c r="BH22" i="2"/>
  <c r="BG22" i="2"/>
  <c r="BF22" i="2"/>
  <c r="BE22" i="2"/>
  <c r="BD22" i="2"/>
  <c r="BC22" i="2"/>
  <c r="BB22" i="2"/>
  <c r="BA22" i="2"/>
  <c r="AZ22" i="2"/>
  <c r="AY22" i="2"/>
  <c r="AX22" i="2"/>
  <c r="AW22" i="2"/>
  <c r="AV22" i="2"/>
  <c r="AU22" i="2"/>
  <c r="AT22" i="2"/>
  <c r="AS22" i="2"/>
  <c r="AR22" i="2"/>
  <c r="AQ22" i="2"/>
  <c r="AP22" i="2"/>
  <c r="AO22" i="2"/>
  <c r="AN22" i="2"/>
  <c r="AM22" i="2"/>
  <c r="AL22" i="2"/>
  <c r="AK22" i="2"/>
  <c r="AJ22" i="2"/>
  <c r="AI22" i="2"/>
  <c r="AH22" i="2"/>
  <c r="AG22" i="2"/>
  <c r="AF22" i="2"/>
  <c r="AE22" i="2"/>
  <c r="AD22" i="2"/>
  <c r="AC22" i="2"/>
  <c r="AB22" i="2"/>
  <c r="AA22" i="2"/>
  <c r="Z22" i="2"/>
  <c r="Y22" i="2"/>
  <c r="X22" i="2"/>
  <c r="W22" i="2"/>
  <c r="V22" i="2"/>
  <c r="U22" i="2"/>
  <c r="T22" i="2"/>
  <c r="S22" i="2"/>
  <c r="R22" i="2"/>
  <c r="Q22" i="2"/>
  <c r="P22" i="2"/>
  <c r="O22" i="2"/>
  <c r="N22" i="2"/>
  <c r="M22" i="2"/>
  <c r="L22" i="2"/>
  <c r="K22" i="2"/>
  <c r="J22" i="2"/>
  <c r="I22" i="2"/>
  <c r="H22" i="2"/>
  <c r="G22" i="2"/>
  <c r="F22" i="2"/>
  <c r="E22" i="2"/>
  <c r="D22" i="2"/>
  <c r="BQ21" i="2"/>
  <c r="BP21" i="2"/>
  <c r="BO21" i="2"/>
  <c r="BN21" i="2"/>
  <c r="BM21" i="2"/>
  <c r="BL21" i="2"/>
  <c r="BK21" i="2"/>
  <c r="BJ21" i="2"/>
  <c r="BI21" i="2"/>
  <c r="BH21" i="2"/>
  <c r="BG21" i="2"/>
  <c r="BF21" i="2"/>
  <c r="BE21" i="2"/>
  <c r="BD21" i="2"/>
  <c r="BC21" i="2"/>
  <c r="BB21" i="2"/>
  <c r="BA21" i="2"/>
  <c r="AZ21" i="2"/>
  <c r="AY21" i="2"/>
  <c r="AX21" i="2"/>
  <c r="AW21" i="2"/>
  <c r="AV21" i="2"/>
  <c r="AU21" i="2"/>
  <c r="AT21" i="2"/>
  <c r="AS21" i="2"/>
  <c r="AR21" i="2"/>
  <c r="AQ21" i="2"/>
  <c r="AP21" i="2"/>
  <c r="AO21" i="2"/>
  <c r="AN21" i="2"/>
  <c r="AM21" i="2"/>
  <c r="AL21" i="2"/>
  <c r="AK21" i="2"/>
  <c r="AJ21" i="2"/>
  <c r="AI21" i="2"/>
  <c r="AH21" i="2"/>
  <c r="AG21" i="2"/>
  <c r="AF21" i="2"/>
  <c r="AE21" i="2"/>
  <c r="AD21" i="2"/>
  <c r="AC21" i="2"/>
  <c r="AB21" i="2"/>
  <c r="AA21" i="2"/>
  <c r="Z21" i="2"/>
  <c r="Y21" i="2"/>
  <c r="X21" i="2"/>
  <c r="W21" i="2"/>
  <c r="V21" i="2"/>
  <c r="U21" i="2"/>
  <c r="T21" i="2"/>
  <c r="S21" i="2"/>
  <c r="R21" i="2"/>
  <c r="Q21" i="2"/>
  <c r="P21" i="2"/>
  <c r="O21" i="2"/>
  <c r="N21" i="2"/>
  <c r="M21" i="2"/>
  <c r="L21" i="2"/>
  <c r="K21" i="2"/>
  <c r="J21" i="2"/>
  <c r="I21" i="2"/>
  <c r="H21" i="2"/>
  <c r="G21" i="2"/>
  <c r="F21" i="2"/>
  <c r="E21" i="2"/>
  <c r="D21" i="2"/>
  <c r="BQ20" i="2"/>
  <c r="BP20" i="2"/>
  <c r="BO20" i="2"/>
  <c r="BN20" i="2"/>
  <c r="BM20" i="2"/>
  <c r="BL20" i="2"/>
  <c r="BK20" i="2"/>
  <c r="BJ20" i="2"/>
  <c r="BI20" i="2"/>
  <c r="BH20" i="2"/>
  <c r="BG20" i="2"/>
  <c r="BF20" i="2"/>
  <c r="BE20" i="2"/>
  <c r="BD20" i="2"/>
  <c r="BC20" i="2"/>
  <c r="BB20" i="2"/>
  <c r="BA20" i="2"/>
  <c r="AZ20" i="2"/>
  <c r="AY20" i="2"/>
  <c r="AX20" i="2"/>
  <c r="AW20" i="2"/>
  <c r="AV20" i="2"/>
  <c r="AU20" i="2"/>
  <c r="AT20" i="2"/>
  <c r="AS20" i="2"/>
  <c r="AR20" i="2"/>
  <c r="AQ20" i="2"/>
  <c r="AP20" i="2"/>
  <c r="AO20" i="2"/>
  <c r="AN20" i="2"/>
  <c r="AM20" i="2"/>
  <c r="AL20" i="2"/>
  <c r="AK20" i="2"/>
  <c r="AJ20" i="2"/>
  <c r="AI20" i="2"/>
  <c r="AH20" i="2"/>
  <c r="AG20" i="2"/>
  <c r="AF20" i="2"/>
  <c r="AE20" i="2"/>
  <c r="AD20" i="2"/>
  <c r="AC20" i="2"/>
  <c r="AB20" i="2"/>
  <c r="AA20" i="2"/>
  <c r="Z20" i="2"/>
  <c r="Y20" i="2"/>
  <c r="X20" i="2"/>
  <c r="W20" i="2"/>
  <c r="V20" i="2"/>
  <c r="U20" i="2"/>
  <c r="T20" i="2"/>
  <c r="S20" i="2"/>
  <c r="R20" i="2"/>
  <c r="Q20" i="2"/>
  <c r="P20" i="2"/>
  <c r="O20" i="2"/>
  <c r="N20" i="2"/>
  <c r="M20" i="2"/>
  <c r="L20" i="2"/>
  <c r="K20" i="2"/>
  <c r="J20" i="2"/>
  <c r="I20" i="2"/>
  <c r="H20" i="2"/>
  <c r="G20" i="2"/>
  <c r="F20" i="2"/>
  <c r="E20" i="2"/>
  <c r="D20" i="2"/>
  <c r="BQ19" i="2"/>
  <c r="BP19" i="2"/>
  <c r="BO19" i="2"/>
  <c r="BN19" i="2"/>
  <c r="BM19" i="2"/>
  <c r="BL19" i="2"/>
  <c r="BK19" i="2"/>
  <c r="BJ19" i="2"/>
  <c r="BI19" i="2"/>
  <c r="BH19" i="2"/>
  <c r="BG19" i="2"/>
  <c r="BF19" i="2"/>
  <c r="BE19" i="2"/>
  <c r="BD19" i="2"/>
  <c r="BC19" i="2"/>
  <c r="BB19" i="2"/>
  <c r="BA19" i="2"/>
  <c r="AZ19" i="2"/>
  <c r="AY19" i="2"/>
  <c r="AX19" i="2"/>
  <c r="AW19" i="2"/>
  <c r="AV19" i="2"/>
  <c r="AU19" i="2"/>
  <c r="AT19" i="2"/>
  <c r="AS19" i="2"/>
  <c r="AR19" i="2"/>
  <c r="AQ19" i="2"/>
  <c r="AP19" i="2"/>
  <c r="AO19" i="2"/>
  <c r="AN19" i="2"/>
  <c r="AM19" i="2"/>
  <c r="AL19" i="2"/>
  <c r="AK19" i="2"/>
  <c r="AJ19" i="2"/>
  <c r="AI19" i="2"/>
  <c r="AH19" i="2"/>
  <c r="AG19" i="2"/>
  <c r="AF19" i="2"/>
  <c r="AE19" i="2"/>
  <c r="AD19" i="2"/>
  <c r="AC19" i="2"/>
  <c r="AB19" i="2"/>
  <c r="AA19" i="2"/>
  <c r="Z19" i="2"/>
  <c r="Y19" i="2"/>
  <c r="X19" i="2"/>
  <c r="W19" i="2"/>
  <c r="V19" i="2"/>
  <c r="U19" i="2"/>
  <c r="T19" i="2"/>
  <c r="S19" i="2"/>
  <c r="R19" i="2"/>
  <c r="Q19" i="2"/>
  <c r="P19" i="2"/>
  <c r="O19" i="2"/>
  <c r="N19" i="2"/>
  <c r="M19" i="2"/>
  <c r="L19" i="2"/>
  <c r="K19" i="2"/>
  <c r="J19" i="2"/>
  <c r="I19" i="2"/>
  <c r="H19" i="2"/>
  <c r="G19" i="2"/>
  <c r="F19" i="2"/>
  <c r="E19" i="2"/>
  <c r="D19" i="2"/>
  <c r="BQ18" i="2"/>
  <c r="BP18" i="2"/>
  <c r="BO18" i="2"/>
  <c r="BN18" i="2"/>
  <c r="BM18" i="2"/>
  <c r="BL18" i="2"/>
  <c r="BK18" i="2"/>
  <c r="BJ18" i="2"/>
  <c r="BI18" i="2"/>
  <c r="BH18" i="2"/>
  <c r="BG18" i="2"/>
  <c r="BF18" i="2"/>
  <c r="BE18" i="2"/>
  <c r="BD18" i="2"/>
  <c r="BC18" i="2"/>
  <c r="BB18" i="2"/>
  <c r="BA18" i="2"/>
  <c r="AZ18" i="2"/>
  <c r="AY18" i="2"/>
  <c r="AX18" i="2"/>
  <c r="AW18" i="2"/>
  <c r="AV18" i="2"/>
  <c r="AU18" i="2"/>
  <c r="AT18" i="2"/>
  <c r="AS18" i="2"/>
  <c r="AR18" i="2"/>
  <c r="AQ18" i="2"/>
  <c r="AP18" i="2"/>
  <c r="AO18" i="2"/>
  <c r="AN18" i="2"/>
  <c r="AM18" i="2"/>
  <c r="AL18" i="2"/>
  <c r="AK18" i="2"/>
  <c r="AJ18" i="2"/>
  <c r="AI18" i="2"/>
  <c r="AH18" i="2"/>
  <c r="AG18" i="2"/>
  <c r="AF18" i="2"/>
  <c r="AE18" i="2"/>
  <c r="AD18" i="2"/>
  <c r="AC18" i="2"/>
  <c r="AB18" i="2"/>
  <c r="AA18" i="2"/>
  <c r="Z18" i="2"/>
  <c r="Y18" i="2"/>
  <c r="X18" i="2"/>
  <c r="W18" i="2"/>
  <c r="V18" i="2"/>
  <c r="U18" i="2"/>
  <c r="T18" i="2"/>
  <c r="S18" i="2"/>
  <c r="R18" i="2"/>
  <c r="Q18" i="2"/>
  <c r="P18" i="2"/>
  <c r="O18" i="2"/>
  <c r="N18" i="2"/>
  <c r="M18" i="2"/>
  <c r="L18" i="2"/>
  <c r="K18" i="2"/>
  <c r="J18" i="2"/>
  <c r="I18" i="2"/>
  <c r="H18" i="2"/>
  <c r="G18" i="2"/>
  <c r="F18" i="2"/>
  <c r="E18" i="2"/>
  <c r="D18" i="2"/>
  <c r="BQ17" i="2"/>
  <c r="BP17" i="2"/>
  <c r="BO17" i="2"/>
  <c r="BN17" i="2"/>
  <c r="BM17" i="2"/>
  <c r="BL17" i="2"/>
  <c r="BK17" i="2"/>
  <c r="BJ17" i="2"/>
  <c r="BI17" i="2"/>
  <c r="BH17" i="2"/>
  <c r="BG17" i="2"/>
  <c r="BF17" i="2"/>
  <c r="BE17" i="2"/>
  <c r="BD17" i="2"/>
  <c r="BC17" i="2"/>
  <c r="BB17" i="2"/>
  <c r="BA17" i="2"/>
  <c r="AZ17" i="2"/>
  <c r="AY17" i="2"/>
  <c r="AX17" i="2"/>
  <c r="AW17" i="2"/>
  <c r="AV17" i="2"/>
  <c r="AU17" i="2"/>
  <c r="AT17" i="2"/>
  <c r="AS17" i="2"/>
  <c r="AR17" i="2"/>
  <c r="AQ17" i="2"/>
  <c r="AP17" i="2"/>
  <c r="AO17" i="2"/>
  <c r="AN17" i="2"/>
  <c r="AM17" i="2"/>
  <c r="AL17" i="2"/>
  <c r="AK17" i="2"/>
  <c r="AJ17" i="2"/>
  <c r="AI17" i="2"/>
  <c r="AH17" i="2"/>
  <c r="AG17" i="2"/>
  <c r="AF17" i="2"/>
  <c r="AE17" i="2"/>
  <c r="AD17" i="2"/>
  <c r="AC17" i="2"/>
  <c r="AB17" i="2"/>
  <c r="AA17" i="2"/>
  <c r="Z17" i="2"/>
  <c r="Y17" i="2"/>
  <c r="X17" i="2"/>
  <c r="W17" i="2"/>
  <c r="V17" i="2"/>
  <c r="U17" i="2"/>
  <c r="T17" i="2"/>
  <c r="S17" i="2"/>
  <c r="R17" i="2"/>
  <c r="Q17" i="2"/>
  <c r="P17" i="2"/>
  <c r="O17" i="2"/>
  <c r="N17" i="2"/>
  <c r="M17" i="2"/>
  <c r="L17" i="2"/>
  <c r="K17" i="2"/>
  <c r="J17" i="2"/>
  <c r="I17" i="2"/>
  <c r="H17" i="2"/>
  <c r="G17" i="2"/>
  <c r="F17" i="2"/>
  <c r="E17" i="2"/>
  <c r="D17" i="2"/>
  <c r="BQ16" i="2"/>
  <c r="BP16" i="2"/>
  <c r="BO16" i="2"/>
  <c r="BN16" i="2"/>
  <c r="BM16" i="2"/>
  <c r="BL16" i="2"/>
  <c r="BK16" i="2"/>
  <c r="BJ16" i="2"/>
  <c r="BI16" i="2"/>
  <c r="BH16" i="2"/>
  <c r="BG16" i="2"/>
  <c r="BF16" i="2"/>
  <c r="BE16" i="2"/>
  <c r="BD16" i="2"/>
  <c r="BC16" i="2"/>
  <c r="BB16" i="2"/>
  <c r="BA16" i="2"/>
  <c r="AZ16" i="2"/>
  <c r="AY16" i="2"/>
  <c r="AX16" i="2"/>
  <c r="AW16" i="2"/>
  <c r="AV16" i="2"/>
  <c r="AU16" i="2"/>
  <c r="AT16" i="2"/>
  <c r="AS16" i="2"/>
  <c r="AR16" i="2"/>
  <c r="AQ16" i="2"/>
  <c r="AP16" i="2"/>
  <c r="AO16" i="2"/>
  <c r="AN16" i="2"/>
  <c r="AM16" i="2"/>
  <c r="AL16" i="2"/>
  <c r="AK16" i="2"/>
  <c r="AJ16" i="2"/>
  <c r="AI16" i="2"/>
  <c r="AH16" i="2"/>
  <c r="AG16" i="2"/>
  <c r="AF16" i="2"/>
  <c r="AE16" i="2"/>
  <c r="AD16" i="2"/>
  <c r="AC16" i="2"/>
  <c r="AB16" i="2"/>
  <c r="AA16" i="2"/>
  <c r="Z16" i="2"/>
  <c r="Y16" i="2"/>
  <c r="X16" i="2"/>
  <c r="W16" i="2"/>
  <c r="V16" i="2"/>
  <c r="U16" i="2"/>
  <c r="T16" i="2"/>
  <c r="S16" i="2"/>
  <c r="R16" i="2"/>
  <c r="Q16" i="2"/>
  <c r="P16" i="2"/>
  <c r="O16" i="2"/>
  <c r="N16" i="2"/>
  <c r="M16" i="2"/>
  <c r="L16" i="2"/>
  <c r="K16" i="2"/>
  <c r="J16" i="2"/>
  <c r="I16" i="2"/>
  <c r="H16" i="2"/>
  <c r="G16" i="2"/>
  <c r="F16" i="2"/>
  <c r="E16" i="2"/>
  <c r="D16" i="2"/>
  <c r="BQ15" i="2"/>
  <c r="BP15" i="2"/>
  <c r="BO15" i="2"/>
  <c r="BN15" i="2"/>
  <c r="BM15" i="2"/>
  <c r="BL15" i="2"/>
  <c r="BK15" i="2"/>
  <c r="BJ15" i="2"/>
  <c r="BI15" i="2"/>
  <c r="BH15" i="2"/>
  <c r="BG15" i="2"/>
  <c r="BF15" i="2"/>
  <c r="BE15" i="2"/>
  <c r="BD15" i="2"/>
  <c r="BC15" i="2"/>
  <c r="BB15" i="2"/>
  <c r="BA15" i="2"/>
  <c r="AZ15" i="2"/>
  <c r="AY15" i="2"/>
  <c r="AX15" i="2"/>
  <c r="AW15" i="2"/>
  <c r="AV15" i="2"/>
  <c r="AU15" i="2"/>
  <c r="AT15" i="2"/>
  <c r="AS15" i="2"/>
  <c r="AR15" i="2"/>
  <c r="AQ15" i="2"/>
  <c r="AP15" i="2"/>
  <c r="AO15" i="2"/>
  <c r="AN15" i="2"/>
  <c r="AM15" i="2"/>
  <c r="AL15" i="2"/>
  <c r="AK15" i="2"/>
  <c r="AJ15" i="2"/>
  <c r="AI15" i="2"/>
  <c r="AH15" i="2"/>
  <c r="AG15" i="2"/>
  <c r="AF15" i="2"/>
  <c r="AE15" i="2"/>
  <c r="AD15" i="2"/>
  <c r="AC15" i="2"/>
  <c r="AB15" i="2"/>
  <c r="AA15" i="2"/>
  <c r="Z15" i="2"/>
  <c r="Y15" i="2"/>
  <c r="X15" i="2"/>
  <c r="W15" i="2"/>
  <c r="V15" i="2"/>
  <c r="U15" i="2"/>
  <c r="T15" i="2"/>
  <c r="S15" i="2"/>
  <c r="R15" i="2"/>
  <c r="Q15" i="2"/>
  <c r="P15" i="2"/>
  <c r="O15" i="2"/>
  <c r="N15" i="2"/>
  <c r="M15" i="2"/>
  <c r="L15" i="2"/>
  <c r="K15" i="2"/>
  <c r="J15" i="2"/>
  <c r="I15" i="2"/>
  <c r="H15" i="2"/>
  <c r="G15" i="2"/>
  <c r="F15" i="2"/>
  <c r="E15" i="2"/>
  <c r="D15" i="2"/>
  <c r="BQ14" i="2"/>
  <c r="BP14" i="2"/>
  <c r="BO14" i="2"/>
  <c r="BN14" i="2"/>
  <c r="BM14" i="2"/>
  <c r="BL14" i="2"/>
  <c r="BK14" i="2"/>
  <c r="BJ14" i="2"/>
  <c r="BI14" i="2"/>
  <c r="BH14" i="2"/>
  <c r="BG14" i="2"/>
  <c r="BF14" i="2"/>
  <c r="BE14" i="2"/>
  <c r="BD14" i="2"/>
  <c r="BC14" i="2"/>
  <c r="BB14" i="2"/>
  <c r="BA14" i="2"/>
  <c r="AZ14" i="2"/>
  <c r="AY14" i="2"/>
  <c r="AX14" i="2"/>
  <c r="AW14" i="2"/>
  <c r="AV14" i="2"/>
  <c r="AU14" i="2"/>
  <c r="AT14" i="2"/>
  <c r="AS14" i="2"/>
  <c r="AR14" i="2"/>
  <c r="AQ14" i="2"/>
  <c r="AP14" i="2"/>
  <c r="AO14" i="2"/>
  <c r="AN14" i="2"/>
  <c r="AM14" i="2"/>
  <c r="AL14" i="2"/>
  <c r="AK14" i="2"/>
  <c r="AJ14" i="2"/>
  <c r="AI14" i="2"/>
  <c r="AH14" i="2"/>
  <c r="AG14" i="2"/>
  <c r="AF14" i="2"/>
  <c r="AE14" i="2"/>
  <c r="AD14" i="2"/>
  <c r="AC14" i="2"/>
  <c r="AB14" i="2"/>
  <c r="AA14" i="2"/>
  <c r="Z14" i="2"/>
  <c r="Y14" i="2"/>
  <c r="X14" i="2"/>
  <c r="W14" i="2"/>
  <c r="V14" i="2"/>
  <c r="U14" i="2"/>
  <c r="T14" i="2"/>
  <c r="S14" i="2"/>
  <c r="R14" i="2"/>
  <c r="Q14" i="2"/>
  <c r="P14" i="2"/>
  <c r="O14" i="2"/>
  <c r="N14" i="2"/>
  <c r="M14" i="2"/>
  <c r="L14" i="2"/>
  <c r="K14" i="2"/>
  <c r="J14" i="2"/>
  <c r="I14" i="2"/>
  <c r="H14" i="2"/>
  <c r="G14" i="2"/>
  <c r="F14" i="2"/>
  <c r="E14" i="2"/>
  <c r="D14" i="2"/>
  <c r="BQ13" i="2"/>
  <c r="BP13" i="2"/>
  <c r="BO13" i="2"/>
  <c r="BN13" i="2"/>
  <c r="BM13" i="2"/>
  <c r="BL13" i="2"/>
  <c r="BK13" i="2"/>
  <c r="BJ13" i="2"/>
  <c r="BI13" i="2"/>
  <c r="BH13" i="2"/>
  <c r="BG13" i="2"/>
  <c r="BF13" i="2"/>
  <c r="BE13" i="2"/>
  <c r="BD13" i="2"/>
  <c r="BC13" i="2"/>
  <c r="BB13" i="2"/>
  <c r="BA13" i="2"/>
  <c r="AZ13" i="2"/>
  <c r="AY13" i="2"/>
  <c r="AX13" i="2"/>
  <c r="AW13" i="2"/>
  <c r="AV13" i="2"/>
  <c r="AU13" i="2"/>
  <c r="AT13" i="2"/>
  <c r="AS13" i="2"/>
  <c r="AR13" i="2"/>
  <c r="AQ13" i="2"/>
  <c r="AP13" i="2"/>
  <c r="AO13" i="2"/>
  <c r="AN13" i="2"/>
  <c r="AM13" i="2"/>
  <c r="AL13" i="2"/>
  <c r="AK13" i="2"/>
  <c r="AJ13" i="2"/>
  <c r="AI13" i="2"/>
  <c r="AH13" i="2"/>
  <c r="AG13" i="2"/>
  <c r="AF13" i="2"/>
  <c r="AE13" i="2"/>
  <c r="AD13" i="2"/>
  <c r="AC13" i="2"/>
  <c r="AB13" i="2"/>
  <c r="AA13" i="2"/>
  <c r="Z13" i="2"/>
  <c r="Y13" i="2"/>
  <c r="X13" i="2"/>
  <c r="W13" i="2"/>
  <c r="V13" i="2"/>
  <c r="U13" i="2"/>
  <c r="T13" i="2"/>
  <c r="S13" i="2"/>
  <c r="R13" i="2"/>
  <c r="Q13" i="2"/>
  <c r="P13" i="2"/>
  <c r="O13" i="2"/>
  <c r="N13" i="2"/>
  <c r="M13" i="2"/>
  <c r="L13" i="2"/>
  <c r="K13" i="2"/>
  <c r="J13" i="2"/>
  <c r="I13" i="2"/>
  <c r="H13" i="2"/>
  <c r="G13" i="2"/>
  <c r="F13" i="2"/>
  <c r="E13" i="2"/>
  <c r="D13" i="2"/>
  <c r="BQ12" i="2"/>
  <c r="BP12" i="2"/>
  <c r="BO12" i="2"/>
  <c r="BN12" i="2"/>
  <c r="BM12" i="2"/>
  <c r="BL12" i="2"/>
  <c r="BK12" i="2"/>
  <c r="BJ12" i="2"/>
  <c r="BI12" i="2"/>
  <c r="BH12" i="2"/>
  <c r="BG12" i="2"/>
  <c r="BF12" i="2"/>
  <c r="BE12" i="2"/>
  <c r="BD12" i="2"/>
  <c r="BC12" i="2"/>
  <c r="BB12" i="2"/>
  <c r="BA12" i="2"/>
  <c r="AZ12" i="2"/>
  <c r="AY12" i="2"/>
  <c r="AX12" i="2"/>
  <c r="AW12" i="2"/>
  <c r="AV12" i="2"/>
  <c r="AU12" i="2"/>
  <c r="AT12" i="2"/>
  <c r="AS12" i="2"/>
  <c r="AR12" i="2"/>
  <c r="AQ12" i="2"/>
  <c r="AP12" i="2"/>
  <c r="AO12" i="2"/>
  <c r="AN12" i="2"/>
  <c r="AM12" i="2"/>
  <c r="AL12" i="2"/>
  <c r="AK12" i="2"/>
  <c r="AJ12" i="2"/>
  <c r="AI12" i="2"/>
  <c r="AH12" i="2"/>
  <c r="AG12" i="2"/>
  <c r="AF12" i="2"/>
  <c r="AE12" i="2"/>
  <c r="AD12" i="2"/>
  <c r="AC12" i="2"/>
  <c r="AB12" i="2"/>
  <c r="AA12" i="2"/>
  <c r="Z12" i="2"/>
  <c r="Y12" i="2"/>
  <c r="X12" i="2"/>
  <c r="W12" i="2"/>
  <c r="V12" i="2"/>
  <c r="U12" i="2"/>
  <c r="T12" i="2"/>
  <c r="S12" i="2"/>
  <c r="R12" i="2"/>
  <c r="Q12" i="2"/>
  <c r="P12" i="2"/>
  <c r="O12" i="2"/>
  <c r="N12" i="2"/>
  <c r="M12" i="2"/>
  <c r="L12" i="2"/>
  <c r="K12" i="2"/>
  <c r="J12" i="2"/>
  <c r="I12" i="2"/>
  <c r="H12" i="2"/>
  <c r="G12" i="2"/>
  <c r="F12" i="2"/>
  <c r="E12" i="2"/>
  <c r="D12" i="2"/>
  <c r="BQ11" i="2"/>
  <c r="BP11" i="2"/>
  <c r="BO11" i="2"/>
  <c r="BN11" i="2"/>
  <c r="BM11" i="2"/>
  <c r="BL11" i="2"/>
  <c r="BK11" i="2"/>
  <c r="BJ11" i="2"/>
  <c r="BI11" i="2"/>
  <c r="BH11" i="2"/>
  <c r="BG11" i="2"/>
  <c r="BF11" i="2"/>
  <c r="BE11" i="2"/>
  <c r="BD11" i="2"/>
  <c r="BC11" i="2"/>
  <c r="BB11" i="2"/>
  <c r="BA11" i="2"/>
  <c r="AZ11" i="2"/>
  <c r="AY11" i="2"/>
  <c r="AX11" i="2"/>
  <c r="AW11" i="2"/>
  <c r="AV11" i="2"/>
  <c r="AU11" i="2"/>
  <c r="AT11" i="2"/>
  <c r="AS11" i="2"/>
  <c r="AR11" i="2"/>
  <c r="AQ11" i="2"/>
  <c r="AP11" i="2"/>
  <c r="AO11" i="2"/>
  <c r="AN11" i="2"/>
  <c r="AM11" i="2"/>
  <c r="AL11" i="2"/>
  <c r="AK11" i="2"/>
  <c r="AJ11" i="2"/>
  <c r="AI11" i="2"/>
  <c r="AH11" i="2"/>
  <c r="AG11" i="2"/>
  <c r="AF11" i="2"/>
  <c r="AE11" i="2"/>
  <c r="AD11" i="2"/>
  <c r="AC11" i="2"/>
  <c r="AB11" i="2"/>
  <c r="AA11" i="2"/>
  <c r="Z11" i="2"/>
  <c r="Y11" i="2"/>
  <c r="X11" i="2"/>
  <c r="W11" i="2"/>
  <c r="V11" i="2"/>
  <c r="U11" i="2"/>
  <c r="T11" i="2"/>
  <c r="S11" i="2"/>
  <c r="R11" i="2"/>
  <c r="Q11" i="2"/>
  <c r="P11" i="2"/>
  <c r="O11" i="2"/>
  <c r="N11" i="2"/>
  <c r="M11" i="2"/>
  <c r="L11" i="2"/>
  <c r="K11" i="2"/>
  <c r="J11" i="2"/>
  <c r="I11" i="2"/>
  <c r="H11" i="2"/>
  <c r="G11" i="2"/>
  <c r="F11" i="2"/>
  <c r="E11" i="2"/>
  <c r="D11" i="2"/>
  <c r="BQ10" i="2"/>
  <c r="BP10" i="2"/>
  <c r="BO10" i="2"/>
  <c r="BN10" i="2"/>
  <c r="BM10" i="2"/>
  <c r="BL10" i="2"/>
  <c r="BK10" i="2"/>
  <c r="BJ10" i="2"/>
  <c r="BI10" i="2"/>
  <c r="BH10" i="2"/>
  <c r="BG10" i="2"/>
  <c r="BF10" i="2"/>
  <c r="BE10" i="2"/>
  <c r="BD10" i="2"/>
  <c r="BC10" i="2"/>
  <c r="BB10" i="2"/>
  <c r="BA10" i="2"/>
  <c r="AZ10" i="2"/>
  <c r="AY10" i="2"/>
  <c r="AX10" i="2"/>
  <c r="AW10" i="2"/>
  <c r="AV10" i="2"/>
  <c r="AU10" i="2"/>
  <c r="AT10" i="2"/>
  <c r="AS10" i="2"/>
  <c r="AR10" i="2"/>
  <c r="AQ10" i="2"/>
  <c r="AP10" i="2"/>
  <c r="AO10" i="2"/>
  <c r="AN10" i="2"/>
  <c r="AM10" i="2"/>
  <c r="AL10" i="2"/>
  <c r="AK10" i="2"/>
  <c r="AJ10" i="2"/>
  <c r="AI10" i="2"/>
  <c r="AH10" i="2"/>
  <c r="AG10" i="2"/>
  <c r="AF10" i="2"/>
  <c r="AE10" i="2"/>
  <c r="AD10" i="2"/>
  <c r="AC10" i="2"/>
  <c r="AB10" i="2"/>
  <c r="AA10" i="2"/>
  <c r="Z10" i="2"/>
  <c r="Y10" i="2"/>
  <c r="X10" i="2"/>
  <c r="W10" i="2"/>
  <c r="V10" i="2"/>
  <c r="U10" i="2"/>
  <c r="T10" i="2"/>
  <c r="S10" i="2"/>
  <c r="R10" i="2"/>
  <c r="Q10" i="2"/>
  <c r="P10" i="2"/>
  <c r="O10" i="2"/>
  <c r="N10" i="2"/>
  <c r="M10" i="2"/>
  <c r="L10" i="2"/>
  <c r="K10" i="2"/>
  <c r="J10" i="2"/>
  <c r="I10" i="2"/>
  <c r="H10" i="2"/>
  <c r="G10" i="2"/>
  <c r="F10" i="2"/>
  <c r="E10" i="2"/>
  <c r="D10" i="2"/>
  <c r="BQ9" i="2"/>
  <c r="BP9" i="2"/>
  <c r="BO9" i="2"/>
  <c r="BN9" i="2"/>
  <c r="BM9" i="2"/>
  <c r="BL9" i="2"/>
  <c r="BK9" i="2"/>
  <c r="BJ9" i="2"/>
  <c r="BI9" i="2"/>
  <c r="BH9" i="2"/>
  <c r="BG9" i="2"/>
  <c r="BF9" i="2"/>
  <c r="BE9" i="2"/>
  <c r="BD9" i="2"/>
  <c r="BC9" i="2"/>
  <c r="BB9" i="2"/>
  <c r="BA9" i="2"/>
  <c r="AZ9" i="2"/>
  <c r="AY9" i="2"/>
  <c r="AX9" i="2"/>
  <c r="AW9" i="2"/>
  <c r="AV9" i="2"/>
  <c r="AU9" i="2"/>
  <c r="AT9" i="2"/>
  <c r="AS9" i="2"/>
  <c r="AR9" i="2"/>
  <c r="AQ9" i="2"/>
  <c r="AP9" i="2"/>
  <c r="AO9" i="2"/>
  <c r="AN9" i="2"/>
  <c r="AM9" i="2"/>
  <c r="AL9" i="2"/>
  <c r="AK9" i="2"/>
  <c r="AJ9" i="2"/>
  <c r="AI9" i="2"/>
  <c r="AH9" i="2"/>
  <c r="AG9" i="2"/>
  <c r="AF9" i="2"/>
  <c r="AE9" i="2"/>
  <c r="AD9" i="2"/>
  <c r="AC9" i="2"/>
  <c r="AB9" i="2"/>
  <c r="AA9" i="2"/>
  <c r="Z9" i="2"/>
  <c r="Y9" i="2"/>
  <c r="X9" i="2"/>
  <c r="W9" i="2"/>
  <c r="V9" i="2"/>
  <c r="U9" i="2"/>
  <c r="T9" i="2"/>
  <c r="S9" i="2"/>
  <c r="R9" i="2"/>
  <c r="Q9" i="2"/>
  <c r="P9" i="2"/>
  <c r="O9" i="2"/>
  <c r="N9" i="2"/>
  <c r="M9" i="2"/>
  <c r="L9" i="2"/>
  <c r="K9" i="2"/>
  <c r="J9" i="2"/>
  <c r="I9" i="2"/>
  <c r="H9" i="2"/>
  <c r="G9" i="2"/>
  <c r="F9" i="2"/>
  <c r="E9" i="2"/>
  <c r="D9" i="2"/>
  <c r="BQ8" i="2"/>
  <c r="BP8" i="2"/>
  <c r="BO8" i="2"/>
  <c r="BN8" i="2"/>
  <c r="BM8" i="2"/>
  <c r="BL8" i="2"/>
  <c r="BK8" i="2"/>
  <c r="BJ8" i="2"/>
  <c r="BI8" i="2"/>
  <c r="BH8" i="2"/>
  <c r="BG8" i="2"/>
  <c r="BF8" i="2"/>
  <c r="BE8" i="2"/>
  <c r="BD8" i="2"/>
  <c r="BC8" i="2"/>
  <c r="BB8" i="2"/>
  <c r="BA8" i="2"/>
  <c r="AZ8" i="2"/>
  <c r="AY8" i="2"/>
  <c r="AX8" i="2"/>
  <c r="AW8" i="2"/>
  <c r="AV8" i="2"/>
  <c r="AU8" i="2"/>
  <c r="AT8" i="2"/>
  <c r="AS8" i="2"/>
  <c r="AR8" i="2"/>
  <c r="AQ8" i="2"/>
  <c r="AP8" i="2"/>
  <c r="AO8" i="2"/>
  <c r="AN8" i="2"/>
  <c r="AM8" i="2"/>
  <c r="AL8" i="2"/>
  <c r="AK8" i="2"/>
  <c r="AJ8" i="2"/>
  <c r="AI8" i="2"/>
  <c r="AH8" i="2"/>
  <c r="AG8" i="2"/>
  <c r="AF8" i="2"/>
  <c r="AE8" i="2"/>
  <c r="AD8" i="2"/>
  <c r="AC8" i="2"/>
  <c r="AB8" i="2"/>
  <c r="AA8" i="2"/>
  <c r="Z8" i="2"/>
  <c r="Y8" i="2"/>
  <c r="X8" i="2"/>
  <c r="W8" i="2"/>
  <c r="V8" i="2"/>
  <c r="U8" i="2"/>
  <c r="T8" i="2"/>
  <c r="S8" i="2"/>
  <c r="R8" i="2"/>
  <c r="Q8" i="2"/>
  <c r="P8" i="2"/>
  <c r="O8" i="2"/>
  <c r="N8" i="2"/>
  <c r="M8" i="2"/>
  <c r="L8" i="2"/>
  <c r="K8" i="2"/>
  <c r="J8" i="2"/>
  <c r="I8" i="2"/>
  <c r="H8" i="2"/>
  <c r="G8" i="2"/>
  <c r="F8" i="2"/>
  <c r="E8" i="2"/>
  <c r="D8" i="2"/>
  <c r="BQ7" i="2"/>
  <c r="BP7" i="2"/>
  <c r="BO7" i="2"/>
  <c r="BN7" i="2"/>
  <c r="BM7" i="2"/>
  <c r="BL7" i="2"/>
  <c r="BK7" i="2"/>
  <c r="BJ7" i="2"/>
  <c r="BI7" i="2"/>
  <c r="BH7" i="2"/>
  <c r="BG7" i="2"/>
  <c r="BF7" i="2"/>
  <c r="BE7" i="2"/>
  <c r="BD7" i="2"/>
  <c r="BC7" i="2"/>
  <c r="BB7" i="2"/>
  <c r="BA7" i="2"/>
  <c r="AZ7" i="2"/>
  <c r="AY7" i="2"/>
  <c r="AX7" i="2"/>
  <c r="AW7" i="2"/>
  <c r="AV7" i="2"/>
  <c r="AU7" i="2"/>
  <c r="AT7" i="2"/>
  <c r="AS7" i="2"/>
  <c r="AR7" i="2"/>
  <c r="AQ7" i="2"/>
  <c r="AP7" i="2"/>
  <c r="AO7" i="2"/>
  <c r="AN7" i="2"/>
  <c r="AM7" i="2"/>
  <c r="AL7" i="2"/>
  <c r="AK7" i="2"/>
  <c r="AJ7" i="2"/>
  <c r="AI7" i="2"/>
  <c r="AH7" i="2"/>
  <c r="AG7" i="2"/>
  <c r="AF7" i="2"/>
  <c r="AE7" i="2"/>
  <c r="AD7" i="2"/>
  <c r="AC7" i="2"/>
  <c r="AB7" i="2"/>
  <c r="AA7" i="2"/>
  <c r="Z7" i="2"/>
  <c r="Y7" i="2"/>
  <c r="X7" i="2"/>
  <c r="W7" i="2"/>
  <c r="V7" i="2"/>
  <c r="U7" i="2"/>
  <c r="T7" i="2"/>
  <c r="S7" i="2"/>
  <c r="R7" i="2"/>
  <c r="Q7" i="2"/>
  <c r="P7" i="2"/>
  <c r="O7" i="2"/>
  <c r="N7" i="2"/>
  <c r="M7" i="2"/>
  <c r="L7" i="2"/>
  <c r="K7" i="2"/>
  <c r="J7" i="2"/>
  <c r="I7" i="2"/>
  <c r="H7" i="2"/>
  <c r="G7" i="2"/>
  <c r="F7" i="2"/>
  <c r="E7" i="2"/>
  <c r="D7" i="2"/>
  <c r="BQ6" i="2"/>
  <c r="BP6" i="2"/>
  <c r="BO6" i="2"/>
  <c r="BN6" i="2"/>
  <c r="BM6" i="2"/>
  <c r="BL6" i="2"/>
  <c r="BK6" i="2"/>
  <c r="BJ6" i="2"/>
  <c r="BI6" i="2"/>
  <c r="BH6" i="2"/>
  <c r="BG6" i="2"/>
  <c r="BF6" i="2"/>
  <c r="BE6" i="2"/>
  <c r="BD6" i="2"/>
  <c r="BC6" i="2"/>
  <c r="BB6" i="2"/>
  <c r="BA6" i="2"/>
  <c r="AZ6" i="2"/>
  <c r="AY6" i="2"/>
  <c r="AX6" i="2"/>
  <c r="AW6" i="2"/>
  <c r="AV6" i="2"/>
  <c r="AU6" i="2"/>
  <c r="AT6" i="2"/>
  <c r="AS6" i="2"/>
  <c r="AR6" i="2"/>
  <c r="AQ6" i="2"/>
  <c r="AP6" i="2"/>
  <c r="AO6" i="2"/>
  <c r="AN6" i="2"/>
  <c r="AM6" i="2"/>
  <c r="AL6" i="2"/>
  <c r="AK6" i="2"/>
  <c r="AJ6" i="2"/>
  <c r="AI6" i="2"/>
  <c r="AH6" i="2"/>
  <c r="AG6" i="2"/>
  <c r="AF6" i="2"/>
  <c r="AE6" i="2"/>
  <c r="AD6" i="2"/>
  <c r="AC6" i="2"/>
  <c r="AB6" i="2"/>
  <c r="AA6" i="2"/>
  <c r="Z6" i="2"/>
  <c r="Y6" i="2"/>
  <c r="X6" i="2"/>
  <c r="W6" i="2"/>
  <c r="V6" i="2"/>
  <c r="U6" i="2"/>
  <c r="T6" i="2"/>
  <c r="S6" i="2"/>
  <c r="R6" i="2"/>
  <c r="Q6" i="2"/>
  <c r="P6" i="2"/>
  <c r="O6" i="2"/>
  <c r="N6" i="2"/>
  <c r="M6" i="2"/>
  <c r="L6" i="2"/>
  <c r="K6" i="2"/>
  <c r="J6" i="2"/>
  <c r="I6" i="2"/>
  <c r="H6" i="2"/>
  <c r="G6" i="2"/>
  <c r="F6" i="2"/>
  <c r="E6" i="2"/>
  <c r="D6" i="2"/>
  <c r="BQ5" i="2"/>
  <c r="BP5" i="2"/>
  <c r="BO5" i="2"/>
  <c r="BN5" i="2"/>
  <c r="BM5" i="2"/>
  <c r="BL5" i="2"/>
  <c r="BK5" i="2"/>
  <c r="BJ5" i="2"/>
  <c r="BI5" i="2"/>
  <c r="BH5" i="2"/>
  <c r="BG5" i="2"/>
  <c r="BF5" i="2"/>
  <c r="BE5" i="2"/>
  <c r="BD5" i="2"/>
  <c r="BC5" i="2"/>
  <c r="BB5" i="2"/>
  <c r="BA5" i="2"/>
  <c r="AZ5" i="2"/>
  <c r="AY5" i="2"/>
  <c r="AX5" i="2"/>
  <c r="AW5" i="2"/>
  <c r="AV5" i="2"/>
  <c r="AU5" i="2"/>
  <c r="AT5" i="2"/>
  <c r="AS5" i="2"/>
  <c r="AR5" i="2"/>
  <c r="AQ5" i="2"/>
  <c r="AP5" i="2"/>
  <c r="AO5" i="2"/>
  <c r="AN5" i="2"/>
  <c r="AM5" i="2"/>
  <c r="AL5" i="2"/>
  <c r="AK5" i="2"/>
  <c r="AJ5" i="2"/>
  <c r="AI5" i="2"/>
  <c r="AH5" i="2"/>
  <c r="AG5" i="2"/>
  <c r="AF5" i="2"/>
  <c r="AE5" i="2"/>
  <c r="AD5" i="2"/>
  <c r="AC5" i="2"/>
  <c r="AB5" i="2"/>
  <c r="AA5" i="2"/>
  <c r="Z5" i="2"/>
  <c r="Y5" i="2"/>
  <c r="X5" i="2"/>
  <c r="W5" i="2"/>
  <c r="V5" i="2"/>
  <c r="U5" i="2"/>
  <c r="T5" i="2"/>
  <c r="S5" i="2"/>
  <c r="R5" i="2"/>
  <c r="Q5" i="2"/>
  <c r="P5" i="2"/>
  <c r="O5" i="2"/>
  <c r="N5" i="2"/>
  <c r="M5" i="2"/>
  <c r="L5" i="2"/>
  <c r="K5" i="2"/>
  <c r="J5" i="2"/>
  <c r="I5" i="2"/>
  <c r="H5" i="2"/>
  <c r="G5" i="2"/>
  <c r="F5" i="2"/>
  <c r="E5" i="2"/>
  <c r="D5" i="2"/>
</calcChain>
</file>

<file path=xl/sharedStrings.xml><?xml version="1.0" encoding="utf-8"?>
<sst xmlns="http://schemas.openxmlformats.org/spreadsheetml/2006/main" count="363" uniqueCount="115">
  <si>
    <t xml:space="preserve">  　　区分</t>
  </si>
  <si>
    <t>性</t>
  </si>
  <si>
    <t>総　　数</t>
  </si>
  <si>
    <t>0～4歳</t>
  </si>
  <si>
    <t>5～9歳</t>
  </si>
  <si>
    <t>10～14歳</t>
  </si>
  <si>
    <t>15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～84歳</t>
    <phoneticPr fontId="2"/>
  </si>
  <si>
    <t>85～89歳</t>
    <phoneticPr fontId="2"/>
  </si>
  <si>
    <t>90～94歳</t>
    <phoneticPr fontId="2"/>
  </si>
  <si>
    <t>95～99歳</t>
    <phoneticPr fontId="2"/>
  </si>
  <si>
    <t>100歳以上</t>
    <phoneticPr fontId="2"/>
  </si>
  <si>
    <t>団体名</t>
  </si>
  <si>
    <t>別</t>
  </si>
  <si>
    <t>日本人</t>
    <rPh sb="0" eb="3">
      <t>ニホンジン</t>
    </rPh>
    <phoneticPr fontId="2"/>
  </si>
  <si>
    <t>外国人</t>
    <rPh sb="0" eb="2">
      <t>ガイコク</t>
    </rPh>
    <rPh sb="2" eb="3">
      <t>ジン</t>
    </rPh>
    <phoneticPr fontId="2"/>
  </si>
  <si>
    <t>計</t>
    <rPh sb="0" eb="1">
      <t>ケイ</t>
    </rPh>
    <phoneticPr fontId="2"/>
  </si>
  <si>
    <t>男</t>
  </si>
  <si>
    <t>神奈川県計</t>
  </si>
  <si>
    <t>女</t>
  </si>
  <si>
    <t>計</t>
  </si>
  <si>
    <t>横浜市</t>
  </si>
  <si>
    <t>鶴見区</t>
  </si>
  <si>
    <t>神奈川区</t>
  </si>
  <si>
    <t>西区</t>
  </si>
  <si>
    <t>中区</t>
  </si>
  <si>
    <t>南区</t>
  </si>
  <si>
    <t>保土ヶ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 xml:space="preserve"> 団体
コード</t>
    <phoneticPr fontId="1"/>
  </si>
  <si>
    <t>市町村、男女、年齢階級別人口（2026(令和８)年１月１日現在）</t>
    <rPh sb="20" eb="22">
      <t>レイワ</t>
    </rPh>
    <rPh sb="24" eb="25">
      <t>ネン</t>
    </rPh>
    <rPh sb="26" eb="27">
      <t>ガツ</t>
    </rPh>
    <rPh sb="28" eb="29">
      <t>ニチ</t>
    </rPh>
    <rPh sb="29" eb="31">
      <t>ゲンザイ</t>
    </rPh>
    <phoneticPr fontId="2"/>
  </si>
  <si>
    <t>e</t>
    <phoneticPr fontId="1"/>
  </si>
  <si>
    <t>f</t>
    <phoneticPr fontId="1"/>
  </si>
  <si>
    <t>g</t>
    <phoneticPr fontId="1"/>
  </si>
  <si>
    <t>h</t>
    <phoneticPr fontId="1"/>
  </si>
  <si>
    <t>i</t>
    <phoneticPr fontId="1"/>
  </si>
  <si>
    <t>j</t>
    <phoneticPr fontId="1"/>
  </si>
  <si>
    <t>k</t>
    <phoneticPr fontId="1"/>
  </si>
  <si>
    <t>l</t>
    <phoneticPr fontId="1"/>
  </si>
  <si>
    <t>m</t>
    <phoneticPr fontId="1"/>
  </si>
  <si>
    <t>n</t>
    <phoneticPr fontId="1"/>
  </si>
  <si>
    <t>o</t>
    <phoneticPr fontId="1"/>
  </si>
  <si>
    <t>p</t>
    <phoneticPr fontId="1"/>
  </si>
  <si>
    <t>q</t>
    <phoneticPr fontId="1"/>
  </si>
  <si>
    <t>r</t>
    <phoneticPr fontId="1"/>
  </si>
  <si>
    <t>s</t>
    <phoneticPr fontId="1"/>
  </si>
  <si>
    <t>t</t>
    <phoneticPr fontId="1"/>
  </si>
  <si>
    <t>u</t>
    <phoneticPr fontId="1"/>
  </si>
  <si>
    <t>v</t>
    <phoneticPr fontId="1"/>
  </si>
  <si>
    <t>w</t>
    <phoneticPr fontId="1"/>
  </si>
  <si>
    <t>x</t>
    <phoneticPr fontId="1"/>
  </si>
  <si>
    <t>y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8"/>
      </bottom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64"/>
      </right>
      <top style="medium">
        <color indexed="8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</borders>
  <cellStyleXfs count="3">
    <xf numFmtId="0" fontId="0" fillId="0" borderId="0">
      <alignment vertical="center"/>
    </xf>
    <xf numFmtId="0" fontId="3" fillId="0" borderId="0"/>
    <xf numFmtId="38" fontId="3" fillId="0" borderId="0" applyFont="0" applyFill="0" applyBorder="0" applyAlignment="0" applyProtection="0"/>
  </cellStyleXfs>
  <cellXfs count="64">
    <xf numFmtId="0" fontId="0" fillId="0" borderId="0" xfId="0">
      <alignment vertical="center"/>
    </xf>
    <xf numFmtId="0" fontId="4" fillId="0" borderId="0" xfId="0" applyFont="1">
      <alignment vertical="center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>
      <alignment vertical="center"/>
    </xf>
    <xf numFmtId="0" fontId="4" fillId="0" borderId="12" xfId="0" applyFont="1" applyBorder="1" applyAlignment="1">
      <alignment horizontal="center" vertical="center"/>
    </xf>
    <xf numFmtId="37" fontId="4" fillId="0" borderId="13" xfId="0" applyNumberFormat="1" applyFont="1" applyBorder="1">
      <alignment vertical="center"/>
    </xf>
    <xf numFmtId="37" fontId="4" fillId="0" borderId="2" xfId="0" applyNumberFormat="1" applyFont="1" applyBorder="1">
      <alignment vertical="center"/>
    </xf>
    <xf numFmtId="0" fontId="4" fillId="0" borderId="11" xfId="0" applyFont="1" applyBorder="1" applyAlignment="1">
      <alignment horizontal="left" vertical="center"/>
    </xf>
    <xf numFmtId="0" fontId="4" fillId="0" borderId="14" xfId="0" applyFont="1" applyBorder="1" applyAlignment="1">
      <alignment horizontal="center" vertical="center"/>
    </xf>
    <xf numFmtId="37" fontId="4" fillId="0" borderId="15" xfId="0" applyNumberFormat="1" applyFont="1" applyBorder="1">
      <alignment vertical="center"/>
    </xf>
    <xf numFmtId="37" fontId="4" fillId="0" borderId="16" xfId="0" applyNumberFormat="1" applyFont="1" applyBorder="1">
      <alignment vertical="center"/>
    </xf>
    <xf numFmtId="37" fontId="4" fillId="0" borderId="17" xfId="0" applyNumberFormat="1" applyFont="1" applyBorder="1">
      <alignment vertical="center"/>
    </xf>
    <xf numFmtId="0" fontId="4" fillId="0" borderId="18" xfId="0" applyFont="1" applyBorder="1" applyAlignment="1">
      <alignment horizontal="center" vertical="center"/>
    </xf>
    <xf numFmtId="37" fontId="4" fillId="0" borderId="8" xfId="0" applyNumberFormat="1" applyFont="1" applyBorder="1">
      <alignment vertical="center"/>
    </xf>
    <xf numFmtId="37" fontId="4" fillId="0" borderId="10" xfId="0" applyNumberFormat="1" applyFont="1" applyBorder="1">
      <alignment vertical="center"/>
    </xf>
    <xf numFmtId="37" fontId="4" fillId="0" borderId="9" xfId="0" applyNumberFormat="1" applyFont="1" applyBorder="1">
      <alignment vertical="center"/>
    </xf>
    <xf numFmtId="0" fontId="4" fillId="0" borderId="23" xfId="0" applyFont="1" applyBorder="1" applyAlignment="1">
      <alignment horizontal="left" vertical="center"/>
    </xf>
    <xf numFmtId="0" fontId="4" fillId="0" borderId="11" xfId="0" applyFont="1" applyBorder="1" applyAlignment="1">
      <alignment horizontal="center" vertical="center"/>
    </xf>
    <xf numFmtId="0" fontId="4" fillId="0" borderId="11" xfId="0" applyFont="1" applyBorder="1" applyAlignment="1">
      <alignment horizontal="right" vertical="center"/>
    </xf>
    <xf numFmtId="0" fontId="4" fillId="0" borderId="23" xfId="0" applyFont="1" applyBorder="1" applyAlignment="1">
      <alignment horizontal="right" vertical="center"/>
    </xf>
    <xf numFmtId="0" fontId="4" fillId="0" borderId="27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23" xfId="0" applyFont="1" applyBorder="1">
      <alignment vertical="center"/>
    </xf>
    <xf numFmtId="37" fontId="4" fillId="0" borderId="19" xfId="0" applyNumberFormat="1" applyFont="1" applyBorder="1">
      <alignment vertical="center"/>
    </xf>
    <xf numFmtId="37" fontId="4" fillId="0" borderId="20" xfId="0" applyNumberFormat="1" applyFont="1" applyBorder="1">
      <alignment vertical="center"/>
    </xf>
    <xf numFmtId="37" fontId="4" fillId="0" borderId="21" xfId="0" applyNumberFormat="1" applyFont="1" applyBorder="1">
      <alignment vertical="center"/>
    </xf>
    <xf numFmtId="37" fontId="4" fillId="0" borderId="21" xfId="0" applyNumberFormat="1" applyFont="1" applyBorder="1" applyProtection="1">
      <alignment vertical="center"/>
      <protection locked="0"/>
    </xf>
    <xf numFmtId="37" fontId="4" fillId="0" borderId="22" xfId="0" applyNumberFormat="1" applyFont="1" applyBorder="1">
      <alignment vertical="center"/>
    </xf>
    <xf numFmtId="37" fontId="4" fillId="0" borderId="24" xfId="0" applyNumberFormat="1" applyFont="1" applyBorder="1">
      <alignment vertical="center"/>
    </xf>
    <xf numFmtId="37" fontId="4" fillId="0" borderId="25" xfId="0" applyNumberFormat="1" applyFont="1" applyBorder="1">
      <alignment vertical="center"/>
    </xf>
    <xf numFmtId="37" fontId="4" fillId="0" borderId="26" xfId="0" applyNumberFormat="1" applyFont="1" applyBorder="1">
      <alignment vertical="center"/>
    </xf>
    <xf numFmtId="0" fontId="4" fillId="0" borderId="29" xfId="0" applyFont="1" applyBorder="1">
      <alignment vertical="center"/>
    </xf>
    <xf numFmtId="0" fontId="4" fillId="0" borderId="30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0" fillId="0" borderId="31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 wrapText="1"/>
    </xf>
    <xf numFmtId="0" fontId="4" fillId="0" borderId="31" xfId="0" applyFont="1" applyBorder="1" applyAlignment="1">
      <alignment horizontal="center" vertical="center" wrapText="1"/>
    </xf>
    <xf numFmtId="0" fontId="4" fillId="0" borderId="29" xfId="0" applyFont="1" applyBorder="1" applyAlignment="1">
      <alignment horizontal="center" vertical="center" wrapText="1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37" fontId="4" fillId="0" borderId="35" xfId="0" applyNumberFormat="1" applyFont="1" applyBorder="1">
      <alignment vertical="center"/>
    </xf>
    <xf numFmtId="37" fontId="4" fillId="0" borderId="36" xfId="0" applyNumberFormat="1" applyFont="1" applyBorder="1">
      <alignment vertical="center"/>
    </xf>
    <xf numFmtId="37" fontId="4" fillId="0" borderId="34" xfId="0" applyNumberFormat="1" applyFont="1" applyBorder="1">
      <alignment vertical="center"/>
    </xf>
    <xf numFmtId="37" fontId="4" fillId="0" borderId="37" xfId="0" applyNumberFormat="1" applyFont="1" applyBorder="1">
      <alignment vertical="center"/>
    </xf>
  </cellXfs>
  <cellStyles count="3">
    <cellStyle name="桁区切り 2" xfId="2" xr:uid="{00000000-0005-0000-0000-000001000000}"/>
    <cellStyle name="標準" xfId="0" builtinId="0"/>
    <cellStyle name="標準 2" xfId="1" xr:uid="{00000000-0005-0000-0000-000003000000}"/>
  </cellStyles>
  <dxfs count="5"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</dxfs>
  <tableStyles count="0" defaultTableStyle="TableStyleMedium2" defaultPivotStyle="PivotStyleLight16"/>
  <colors>
    <mruColors>
      <color rgb="FF0000FF"/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2</xdr:row>
      <xdr:rowOff>0</xdr:rowOff>
    </xdr:from>
    <xdr:to>
      <xdr:col>1</xdr:col>
      <xdr:colOff>0</xdr:colOff>
      <xdr:row>3</xdr:row>
      <xdr:rowOff>219075</xdr:rowOff>
    </xdr:to>
    <xdr:cxnSp macro="">
      <xdr:nvCxnSpPr>
        <xdr:cNvPr id="2" name="直線コネクタ 2">
          <a:extLst>
            <a:ext uri="{FF2B5EF4-FFF2-40B4-BE49-F238E27FC236}">
              <a16:creationId xmlns:a16="http://schemas.microsoft.com/office/drawing/2014/main" id="{D929A956-BAB3-4096-8F12-B4D5AE6ABA4F}"/>
            </a:ext>
          </a:extLst>
        </xdr:cNvPr>
        <xdr:cNvCxnSpPr>
          <a:cxnSpLocks noChangeShapeType="1"/>
        </xdr:cNvCxnSpPr>
      </xdr:nvCxnSpPr>
      <xdr:spPr bwMode="auto">
        <a:xfrm>
          <a:off x="0" y="371475"/>
          <a:ext cx="876300" cy="371475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Kfs01\s0103\02_&#35519;&#25972;G\02_&#20303;&#22522;\01_&#20303;&#22522;\02_&#35519;&#26619;\02_&#20303;&#27665;&#22522;&#26412;&#21488;&#24115;&#24180;&#22577;\R8.1.1\08-1_&#12507;&#12540;&#12512;&#12506;&#12540;&#12472;&#65288;&#36895;&#22577;&#65289;&#65288;&#31532;&#19968;&#27425;&#25968;&#20516;&#30906;&#35469;&#12398;&#26178;&#65289;\91_&#27096;&#24335;&#12539;&#12484;&#12540;&#12523;\&#9733;HP&#12450;&#12483;&#12503;&#29992;&#24180;&#40802;&#38542;&#32026;&#21029;&#20154;&#21475;&#20316;&#25104;&#12484;&#12540;&#12523;.xlsx" TargetMode="External"/><Relationship Id="rId1" Type="http://schemas.openxmlformats.org/officeDocument/2006/relationships/externalLinkPath" Target="/02_&#35519;&#25972;G/02_&#20303;&#22522;/01_&#20303;&#22522;/02_&#35519;&#26619;/02_&#20303;&#27665;&#22522;&#26412;&#21488;&#24115;&#24180;&#22577;/R8.1.1/08-1_&#12507;&#12540;&#12512;&#12506;&#12540;&#12472;&#65288;&#36895;&#22577;&#65289;&#65288;&#31532;&#19968;&#27425;&#25968;&#20516;&#30906;&#35469;&#12398;&#26178;&#65289;/91_&#27096;&#24335;&#12539;&#12484;&#12540;&#12523;/&#9733;HP&#12450;&#12483;&#12503;&#29992;&#24180;&#40802;&#38542;&#32026;&#21029;&#20154;&#21475;&#20316;&#25104;&#12484;&#12540;&#12523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作業手順"/>
      <sheetName val="このシートをコピーする"/>
      <sheetName val="年齢別人口市区町村(総数)"/>
      <sheetName val="年齢別人口市区町村(日本人)"/>
      <sheetName val="年齢別人口市区町村(外国人)"/>
    </sheetNames>
    <sheetDataSet>
      <sheetData sheetId="0"/>
      <sheetData sheetId="1"/>
      <sheetData sheetId="2">
        <row r="6">
          <cell r="D6">
            <v>9194723</v>
          </cell>
          <cell r="E6">
            <v>278252</v>
          </cell>
          <cell r="F6">
            <v>337902</v>
          </cell>
          <cell r="G6">
            <v>378117</v>
          </cell>
          <cell r="H6">
            <v>405017</v>
          </cell>
          <cell r="I6">
            <v>487625</v>
          </cell>
          <cell r="J6">
            <v>551581</v>
          </cell>
          <cell r="K6">
            <v>524492</v>
          </cell>
          <cell r="L6">
            <v>520839</v>
          </cell>
          <cell r="M6">
            <v>581396</v>
          </cell>
          <cell r="N6">
            <v>655501</v>
          </cell>
          <cell r="O6">
            <v>781309</v>
          </cell>
          <cell r="P6">
            <v>720896</v>
          </cell>
          <cell r="Q6">
            <v>599605</v>
          </cell>
          <cell r="R6">
            <v>475180</v>
          </cell>
          <cell r="S6">
            <v>480091</v>
          </cell>
          <cell r="T6">
            <v>561757</v>
          </cell>
          <cell r="U6">
            <v>412298</v>
          </cell>
          <cell r="V6">
            <v>269386</v>
          </cell>
          <cell r="W6">
            <v>131927</v>
          </cell>
          <cell r="X6">
            <v>36103</v>
          </cell>
          <cell r="Y6">
            <v>5438</v>
          </cell>
        </row>
        <row r="7">
          <cell r="D7">
            <v>4572887</v>
          </cell>
          <cell r="E7">
            <v>142681</v>
          </cell>
          <cell r="F7">
            <v>173184</v>
          </cell>
          <cell r="G7">
            <v>194056</v>
          </cell>
          <cell r="H7">
            <v>208462</v>
          </cell>
          <cell r="I7">
            <v>251326</v>
          </cell>
          <cell r="J7">
            <v>286029</v>
          </cell>
          <cell r="K7">
            <v>273584</v>
          </cell>
          <cell r="L7">
            <v>270575</v>
          </cell>
          <cell r="M7">
            <v>299834</v>
          </cell>
          <cell r="N7">
            <v>336581</v>
          </cell>
          <cell r="O7">
            <v>399073</v>
          </cell>
          <cell r="P7">
            <v>373183</v>
          </cell>
          <cell r="Q7">
            <v>310604</v>
          </cell>
          <cell r="R7">
            <v>239252</v>
          </cell>
          <cell r="S7">
            <v>230554</v>
          </cell>
          <cell r="T7">
            <v>255257</v>
          </cell>
          <cell r="U7">
            <v>173855</v>
          </cell>
          <cell r="V7">
            <v>104341</v>
          </cell>
          <cell r="W7">
            <v>41610</v>
          </cell>
          <cell r="X7">
            <v>8098</v>
          </cell>
          <cell r="Y7">
            <v>746</v>
          </cell>
        </row>
        <row r="8">
          <cell r="D8">
            <v>4621835</v>
          </cell>
          <cell r="E8">
            <v>135571</v>
          </cell>
          <cell r="F8">
            <v>164718</v>
          </cell>
          <cell r="G8">
            <v>184061</v>
          </cell>
          <cell r="H8">
            <v>196555</v>
          </cell>
          <cell r="I8">
            <v>236299</v>
          </cell>
          <cell r="J8">
            <v>265552</v>
          </cell>
          <cell r="K8">
            <v>250908</v>
          </cell>
          <cell r="L8">
            <v>250264</v>
          </cell>
          <cell r="M8">
            <v>281562</v>
          </cell>
          <cell r="N8">
            <v>318919</v>
          </cell>
          <cell r="O8">
            <v>382236</v>
          </cell>
          <cell r="P8">
            <v>347713</v>
          </cell>
          <cell r="Q8">
            <v>289001</v>
          </cell>
          <cell r="R8">
            <v>235928</v>
          </cell>
          <cell r="S8">
            <v>249537</v>
          </cell>
          <cell r="T8">
            <v>306500</v>
          </cell>
          <cell r="U8">
            <v>238443</v>
          </cell>
          <cell r="V8">
            <v>165045</v>
          </cell>
          <cell r="W8">
            <v>90317</v>
          </cell>
          <cell r="X8">
            <v>28005</v>
          </cell>
          <cell r="Y8">
            <v>4692</v>
          </cell>
        </row>
        <row r="18">
          <cell r="D18">
            <v>3753315</v>
          </cell>
          <cell r="E18">
            <v>114810</v>
          </cell>
          <cell r="F18">
            <v>137531</v>
          </cell>
          <cell r="G18">
            <v>154116</v>
          </cell>
          <cell r="H18">
            <v>164361</v>
          </cell>
          <cell r="I18">
            <v>202282</v>
          </cell>
          <cell r="J18">
            <v>229247</v>
          </cell>
          <cell r="K18">
            <v>215648</v>
          </cell>
          <cell r="L18">
            <v>213544</v>
          </cell>
          <cell r="M18">
            <v>237510</v>
          </cell>
          <cell r="N18">
            <v>265860</v>
          </cell>
          <cell r="O18">
            <v>318979</v>
          </cell>
          <cell r="P18">
            <v>301378</v>
          </cell>
          <cell r="Q18">
            <v>250250</v>
          </cell>
          <cell r="R18">
            <v>194399</v>
          </cell>
          <cell r="S18">
            <v>190138</v>
          </cell>
          <cell r="T18">
            <v>220382</v>
          </cell>
          <cell r="U18">
            <v>161681</v>
          </cell>
          <cell r="V18">
            <v>108848</v>
          </cell>
          <cell r="W18">
            <v>55190</v>
          </cell>
          <cell r="X18">
            <v>14904</v>
          </cell>
          <cell r="Y18">
            <v>2248</v>
          </cell>
        </row>
        <row r="19">
          <cell r="D19">
            <v>1856782</v>
          </cell>
          <cell r="E19">
            <v>58856</v>
          </cell>
          <cell r="F19">
            <v>70492</v>
          </cell>
          <cell r="G19">
            <v>79059</v>
          </cell>
          <cell r="H19">
            <v>84408</v>
          </cell>
          <cell r="I19">
            <v>103265</v>
          </cell>
          <cell r="J19">
            <v>117335</v>
          </cell>
          <cell r="K19">
            <v>111332</v>
          </cell>
          <cell r="L19">
            <v>109676</v>
          </cell>
          <cell r="M19">
            <v>121717</v>
          </cell>
          <cell r="N19">
            <v>135469</v>
          </cell>
          <cell r="O19">
            <v>160994</v>
          </cell>
          <cell r="P19">
            <v>154680</v>
          </cell>
          <cell r="Q19">
            <v>129397</v>
          </cell>
          <cell r="R19">
            <v>97524</v>
          </cell>
          <cell r="S19">
            <v>91642</v>
          </cell>
          <cell r="T19">
            <v>100579</v>
          </cell>
          <cell r="U19">
            <v>67489</v>
          </cell>
          <cell r="V19">
            <v>41614</v>
          </cell>
          <cell r="W19">
            <v>17482</v>
          </cell>
          <cell r="X19">
            <v>3440</v>
          </cell>
          <cell r="Y19">
            <v>331</v>
          </cell>
        </row>
        <row r="20">
          <cell r="D20">
            <v>1896533</v>
          </cell>
          <cell r="E20">
            <v>55954</v>
          </cell>
          <cell r="F20">
            <v>67039</v>
          </cell>
          <cell r="G20">
            <v>75057</v>
          </cell>
          <cell r="H20">
            <v>79953</v>
          </cell>
          <cell r="I20">
            <v>99017</v>
          </cell>
          <cell r="J20">
            <v>111912</v>
          </cell>
          <cell r="K20">
            <v>104316</v>
          </cell>
          <cell r="L20">
            <v>103868</v>
          </cell>
          <cell r="M20">
            <v>115793</v>
          </cell>
          <cell r="N20">
            <v>130391</v>
          </cell>
          <cell r="O20">
            <v>157985</v>
          </cell>
          <cell r="P20">
            <v>146698</v>
          </cell>
          <cell r="Q20">
            <v>120853</v>
          </cell>
          <cell r="R20">
            <v>96875</v>
          </cell>
          <cell r="S20">
            <v>98496</v>
          </cell>
          <cell r="T20">
            <v>119803</v>
          </cell>
          <cell r="U20">
            <v>94192</v>
          </cell>
          <cell r="V20">
            <v>67234</v>
          </cell>
          <cell r="W20">
            <v>37708</v>
          </cell>
          <cell r="X20">
            <v>11464</v>
          </cell>
          <cell r="Y20">
            <v>1917</v>
          </cell>
        </row>
        <row r="22">
          <cell r="D22">
            <v>297274</v>
          </cell>
          <cell r="E22">
            <v>9086</v>
          </cell>
          <cell r="F22">
            <v>11090</v>
          </cell>
          <cell r="G22">
            <v>12833</v>
          </cell>
          <cell r="H22">
            <v>12776</v>
          </cell>
          <cell r="I22">
            <v>17097</v>
          </cell>
          <cell r="J22">
            <v>22378</v>
          </cell>
          <cell r="K22">
            <v>19958</v>
          </cell>
          <cell r="L22">
            <v>18998</v>
          </cell>
          <cell r="M22">
            <v>20934</v>
          </cell>
          <cell r="N22">
            <v>22101</v>
          </cell>
          <cell r="O22">
            <v>25848</v>
          </cell>
          <cell r="P22">
            <v>22176</v>
          </cell>
          <cell r="Q22">
            <v>17951</v>
          </cell>
          <cell r="R22">
            <v>14098</v>
          </cell>
          <cell r="S22">
            <v>13843</v>
          </cell>
          <cell r="T22">
            <v>15096</v>
          </cell>
          <cell r="U22">
            <v>10244</v>
          </cell>
          <cell r="V22">
            <v>6419</v>
          </cell>
          <cell r="W22">
            <v>3288</v>
          </cell>
          <cell r="X22">
            <v>914</v>
          </cell>
          <cell r="Y22">
            <v>146</v>
          </cell>
        </row>
        <row r="23">
          <cell r="D23">
            <v>153524</v>
          </cell>
          <cell r="E23">
            <v>4622</v>
          </cell>
          <cell r="F23">
            <v>5737</v>
          </cell>
          <cell r="G23">
            <v>6567</v>
          </cell>
          <cell r="H23">
            <v>6621</v>
          </cell>
          <cell r="I23">
            <v>8947</v>
          </cell>
          <cell r="J23">
            <v>12261</v>
          </cell>
          <cell r="K23">
            <v>10952</v>
          </cell>
          <cell r="L23">
            <v>10201</v>
          </cell>
          <cell r="M23">
            <v>11084</v>
          </cell>
          <cell r="N23">
            <v>11872</v>
          </cell>
          <cell r="O23">
            <v>13898</v>
          </cell>
          <cell r="P23">
            <v>11956</v>
          </cell>
          <cell r="Q23">
            <v>9693</v>
          </cell>
          <cell r="R23">
            <v>7209</v>
          </cell>
          <cell r="S23">
            <v>6915</v>
          </cell>
          <cell r="T23">
            <v>7110</v>
          </cell>
          <cell r="U23">
            <v>4361</v>
          </cell>
          <cell r="V23">
            <v>2367</v>
          </cell>
          <cell r="W23">
            <v>918</v>
          </cell>
          <cell r="X23">
            <v>204</v>
          </cell>
          <cell r="Y23">
            <v>29</v>
          </cell>
        </row>
        <row r="24">
          <cell r="D24">
            <v>143750</v>
          </cell>
          <cell r="E24">
            <v>4464</v>
          </cell>
          <cell r="F24">
            <v>5353</v>
          </cell>
          <cell r="G24">
            <v>6266</v>
          </cell>
          <cell r="H24">
            <v>6155</v>
          </cell>
          <cell r="I24">
            <v>8150</v>
          </cell>
          <cell r="J24">
            <v>10117</v>
          </cell>
          <cell r="K24">
            <v>9006</v>
          </cell>
          <cell r="L24">
            <v>8797</v>
          </cell>
          <cell r="M24">
            <v>9850</v>
          </cell>
          <cell r="N24">
            <v>10229</v>
          </cell>
          <cell r="O24">
            <v>11950</v>
          </cell>
          <cell r="P24">
            <v>10220</v>
          </cell>
          <cell r="Q24">
            <v>8258</v>
          </cell>
          <cell r="R24">
            <v>6889</v>
          </cell>
          <cell r="S24">
            <v>6928</v>
          </cell>
          <cell r="T24">
            <v>7986</v>
          </cell>
          <cell r="U24">
            <v>5883</v>
          </cell>
          <cell r="V24">
            <v>4052</v>
          </cell>
          <cell r="W24">
            <v>2370</v>
          </cell>
          <cell r="X24">
            <v>710</v>
          </cell>
          <cell r="Y24">
            <v>117</v>
          </cell>
        </row>
        <row r="25">
          <cell r="D25">
            <v>247956</v>
          </cell>
          <cell r="E25">
            <v>7520</v>
          </cell>
          <cell r="F25">
            <v>8725</v>
          </cell>
          <cell r="G25">
            <v>9378</v>
          </cell>
          <cell r="H25">
            <v>9788</v>
          </cell>
          <cell r="I25">
            <v>15377</v>
          </cell>
          <cell r="J25">
            <v>20393</v>
          </cell>
          <cell r="K25">
            <v>17446</v>
          </cell>
          <cell r="L25">
            <v>16158</v>
          </cell>
          <cell r="M25">
            <v>16960</v>
          </cell>
          <cell r="N25">
            <v>18058</v>
          </cell>
          <cell r="O25">
            <v>20509</v>
          </cell>
          <cell r="P25">
            <v>18658</v>
          </cell>
          <cell r="Q25">
            <v>15027</v>
          </cell>
          <cell r="R25">
            <v>11639</v>
          </cell>
          <cell r="S25">
            <v>11104</v>
          </cell>
          <cell r="T25">
            <v>12599</v>
          </cell>
          <cell r="U25">
            <v>8637</v>
          </cell>
          <cell r="V25">
            <v>5808</v>
          </cell>
          <cell r="W25">
            <v>3119</v>
          </cell>
          <cell r="X25">
            <v>907</v>
          </cell>
          <cell r="Y25">
            <v>145</v>
          </cell>
        </row>
        <row r="26">
          <cell r="D26">
            <v>124769</v>
          </cell>
          <cell r="E26">
            <v>3842</v>
          </cell>
          <cell r="F26">
            <v>4404</v>
          </cell>
          <cell r="G26">
            <v>4744</v>
          </cell>
          <cell r="H26">
            <v>5055</v>
          </cell>
          <cell r="I26">
            <v>8144</v>
          </cell>
          <cell r="J26">
            <v>10670</v>
          </cell>
          <cell r="K26">
            <v>9231</v>
          </cell>
          <cell r="L26">
            <v>8408</v>
          </cell>
          <cell r="M26">
            <v>8878</v>
          </cell>
          <cell r="N26">
            <v>9305</v>
          </cell>
          <cell r="O26">
            <v>10434</v>
          </cell>
          <cell r="P26">
            <v>9843</v>
          </cell>
          <cell r="Q26">
            <v>7963</v>
          </cell>
          <cell r="R26">
            <v>5893</v>
          </cell>
          <cell r="S26">
            <v>5455</v>
          </cell>
          <cell r="T26">
            <v>5814</v>
          </cell>
          <cell r="U26">
            <v>3574</v>
          </cell>
          <cell r="V26">
            <v>2088</v>
          </cell>
          <cell r="W26">
            <v>810</v>
          </cell>
          <cell r="X26">
            <v>192</v>
          </cell>
          <cell r="Y26">
            <v>22</v>
          </cell>
        </row>
        <row r="27">
          <cell r="D27">
            <v>123187</v>
          </cell>
          <cell r="E27">
            <v>3678</v>
          </cell>
          <cell r="F27">
            <v>4321</v>
          </cell>
          <cell r="G27">
            <v>4634</v>
          </cell>
          <cell r="H27">
            <v>4733</v>
          </cell>
          <cell r="I27">
            <v>7233</v>
          </cell>
          <cell r="J27">
            <v>9723</v>
          </cell>
          <cell r="K27">
            <v>8215</v>
          </cell>
          <cell r="L27">
            <v>7750</v>
          </cell>
          <cell r="M27">
            <v>8082</v>
          </cell>
          <cell r="N27">
            <v>8753</v>
          </cell>
          <cell r="O27">
            <v>10075</v>
          </cell>
          <cell r="P27">
            <v>8815</v>
          </cell>
          <cell r="Q27">
            <v>7064</v>
          </cell>
          <cell r="R27">
            <v>5746</v>
          </cell>
          <cell r="S27">
            <v>5649</v>
          </cell>
          <cell r="T27">
            <v>6785</v>
          </cell>
          <cell r="U27">
            <v>5063</v>
          </cell>
          <cell r="V27">
            <v>3720</v>
          </cell>
          <cell r="W27">
            <v>2309</v>
          </cell>
          <cell r="X27">
            <v>715</v>
          </cell>
          <cell r="Y27">
            <v>123</v>
          </cell>
        </row>
        <row r="28">
          <cell r="D28">
            <v>107346</v>
          </cell>
          <cell r="E28">
            <v>3365</v>
          </cell>
          <cell r="F28">
            <v>3704</v>
          </cell>
          <cell r="G28">
            <v>3853</v>
          </cell>
          <cell r="H28">
            <v>3668</v>
          </cell>
          <cell r="I28">
            <v>6291</v>
          </cell>
          <cell r="J28">
            <v>9016</v>
          </cell>
          <cell r="K28">
            <v>8076</v>
          </cell>
          <cell r="L28">
            <v>7797</v>
          </cell>
          <cell r="M28">
            <v>8163</v>
          </cell>
          <cell r="N28">
            <v>8489</v>
          </cell>
          <cell r="O28">
            <v>9450</v>
          </cell>
          <cell r="P28">
            <v>8306</v>
          </cell>
          <cell r="Q28">
            <v>6376</v>
          </cell>
          <cell r="R28">
            <v>4792</v>
          </cell>
          <cell r="S28">
            <v>4330</v>
          </cell>
          <cell r="T28">
            <v>4742</v>
          </cell>
          <cell r="U28">
            <v>3063</v>
          </cell>
          <cell r="V28">
            <v>2163</v>
          </cell>
          <cell r="W28">
            <v>1271</v>
          </cell>
          <cell r="X28">
            <v>362</v>
          </cell>
          <cell r="Y28">
            <v>69</v>
          </cell>
        </row>
        <row r="29">
          <cell r="D29">
            <v>53750</v>
          </cell>
          <cell r="E29">
            <v>1695</v>
          </cell>
          <cell r="F29">
            <v>1865</v>
          </cell>
          <cell r="G29">
            <v>1927</v>
          </cell>
          <cell r="H29">
            <v>1869</v>
          </cell>
          <cell r="I29">
            <v>3169</v>
          </cell>
          <cell r="J29">
            <v>4762</v>
          </cell>
          <cell r="K29">
            <v>4208</v>
          </cell>
          <cell r="L29">
            <v>4065</v>
          </cell>
          <cell r="M29">
            <v>4282</v>
          </cell>
          <cell r="N29">
            <v>4394</v>
          </cell>
          <cell r="O29">
            <v>4752</v>
          </cell>
          <cell r="P29">
            <v>4339</v>
          </cell>
          <cell r="Q29">
            <v>3294</v>
          </cell>
          <cell r="R29">
            <v>2375</v>
          </cell>
          <cell r="S29">
            <v>2119</v>
          </cell>
          <cell r="T29">
            <v>2216</v>
          </cell>
          <cell r="U29">
            <v>1237</v>
          </cell>
          <cell r="V29">
            <v>730</v>
          </cell>
          <cell r="W29">
            <v>353</v>
          </cell>
          <cell r="X29">
            <v>90</v>
          </cell>
          <cell r="Y29">
            <v>9</v>
          </cell>
        </row>
        <row r="30">
          <cell r="D30">
            <v>53596</v>
          </cell>
          <cell r="E30">
            <v>1670</v>
          </cell>
          <cell r="F30">
            <v>1839</v>
          </cell>
          <cell r="G30">
            <v>1926</v>
          </cell>
          <cell r="H30">
            <v>1799</v>
          </cell>
          <cell r="I30">
            <v>3122</v>
          </cell>
          <cell r="J30">
            <v>4254</v>
          </cell>
          <cell r="K30">
            <v>3868</v>
          </cell>
          <cell r="L30">
            <v>3732</v>
          </cell>
          <cell r="M30">
            <v>3881</v>
          </cell>
          <cell r="N30">
            <v>4095</v>
          </cell>
          <cell r="O30">
            <v>4698</v>
          </cell>
          <cell r="P30">
            <v>3967</v>
          </cell>
          <cell r="Q30">
            <v>3082</v>
          </cell>
          <cell r="R30">
            <v>2417</v>
          </cell>
          <cell r="S30">
            <v>2211</v>
          </cell>
          <cell r="T30">
            <v>2526</v>
          </cell>
          <cell r="U30">
            <v>1826</v>
          </cell>
          <cell r="V30">
            <v>1433</v>
          </cell>
          <cell r="W30">
            <v>918</v>
          </cell>
          <cell r="X30">
            <v>272</v>
          </cell>
          <cell r="Y30">
            <v>60</v>
          </cell>
        </row>
        <row r="31">
          <cell r="D31">
            <v>156177</v>
          </cell>
          <cell r="E31">
            <v>3524</v>
          </cell>
          <cell r="F31">
            <v>4740</v>
          </cell>
          <cell r="G31">
            <v>5480</v>
          </cell>
          <cell r="H31">
            <v>5980</v>
          </cell>
          <cell r="I31">
            <v>8623</v>
          </cell>
          <cell r="J31">
            <v>9964</v>
          </cell>
          <cell r="K31">
            <v>9180</v>
          </cell>
          <cell r="L31">
            <v>9365</v>
          </cell>
          <cell r="M31">
            <v>10221</v>
          </cell>
          <cell r="N31">
            <v>11990</v>
          </cell>
          <cell r="O31">
            <v>14131</v>
          </cell>
          <cell r="P31">
            <v>14126</v>
          </cell>
          <cell r="Q31">
            <v>11698</v>
          </cell>
          <cell r="R31">
            <v>8795</v>
          </cell>
          <cell r="S31">
            <v>7955</v>
          </cell>
          <cell r="T31">
            <v>8548</v>
          </cell>
          <cell r="U31">
            <v>5546</v>
          </cell>
          <cell r="V31">
            <v>3508</v>
          </cell>
          <cell r="W31">
            <v>2075</v>
          </cell>
          <cell r="X31">
            <v>611</v>
          </cell>
          <cell r="Y31">
            <v>115</v>
          </cell>
        </row>
        <row r="32">
          <cell r="D32">
            <v>80486</v>
          </cell>
          <cell r="E32">
            <v>1772</v>
          </cell>
          <cell r="F32">
            <v>2507</v>
          </cell>
          <cell r="G32">
            <v>2795</v>
          </cell>
          <cell r="H32">
            <v>3072</v>
          </cell>
          <cell r="I32">
            <v>4390</v>
          </cell>
          <cell r="J32">
            <v>5258</v>
          </cell>
          <cell r="K32">
            <v>4881</v>
          </cell>
          <cell r="L32">
            <v>4789</v>
          </cell>
          <cell r="M32">
            <v>5243</v>
          </cell>
          <cell r="N32">
            <v>6130</v>
          </cell>
          <cell r="O32">
            <v>7250</v>
          </cell>
          <cell r="P32">
            <v>7565</v>
          </cell>
          <cell r="Q32">
            <v>6447</v>
          </cell>
          <cell r="R32">
            <v>4839</v>
          </cell>
          <cell r="S32">
            <v>4398</v>
          </cell>
          <cell r="T32">
            <v>4499</v>
          </cell>
          <cell r="U32">
            <v>2566</v>
          </cell>
          <cell r="V32">
            <v>1298</v>
          </cell>
          <cell r="W32">
            <v>635</v>
          </cell>
          <cell r="X32">
            <v>134</v>
          </cell>
          <cell r="Y32">
            <v>18</v>
          </cell>
        </row>
        <row r="33">
          <cell r="D33">
            <v>75691</v>
          </cell>
          <cell r="E33">
            <v>1752</v>
          </cell>
          <cell r="F33">
            <v>2233</v>
          </cell>
          <cell r="G33">
            <v>2685</v>
          </cell>
          <cell r="H33">
            <v>2908</v>
          </cell>
          <cell r="I33">
            <v>4233</v>
          </cell>
          <cell r="J33">
            <v>4706</v>
          </cell>
          <cell r="K33">
            <v>4299</v>
          </cell>
          <cell r="L33">
            <v>4576</v>
          </cell>
          <cell r="M33">
            <v>4978</v>
          </cell>
          <cell r="N33">
            <v>5860</v>
          </cell>
          <cell r="O33">
            <v>6881</v>
          </cell>
          <cell r="P33">
            <v>6561</v>
          </cell>
          <cell r="Q33">
            <v>5251</v>
          </cell>
          <cell r="R33">
            <v>3956</v>
          </cell>
          <cell r="S33">
            <v>3557</v>
          </cell>
          <cell r="T33">
            <v>4049</v>
          </cell>
          <cell r="U33">
            <v>2980</v>
          </cell>
          <cell r="V33">
            <v>2210</v>
          </cell>
          <cell r="W33">
            <v>1440</v>
          </cell>
          <cell r="X33">
            <v>477</v>
          </cell>
          <cell r="Y33">
            <v>97</v>
          </cell>
        </row>
        <row r="34">
          <cell r="D34">
            <v>200857</v>
          </cell>
          <cell r="E34">
            <v>4999</v>
          </cell>
          <cell r="F34">
            <v>5967</v>
          </cell>
          <cell r="G34">
            <v>6836</v>
          </cell>
          <cell r="H34">
            <v>7358</v>
          </cell>
          <cell r="I34">
            <v>11602</v>
          </cell>
          <cell r="J34">
            <v>14971</v>
          </cell>
          <cell r="K34">
            <v>12377</v>
          </cell>
          <cell r="L34">
            <v>11515</v>
          </cell>
          <cell r="M34">
            <v>12671</v>
          </cell>
          <cell r="N34">
            <v>13856</v>
          </cell>
          <cell r="O34">
            <v>16339</v>
          </cell>
          <cell r="P34">
            <v>15748</v>
          </cell>
          <cell r="Q34">
            <v>13304</v>
          </cell>
          <cell r="R34">
            <v>11010</v>
          </cell>
          <cell r="S34">
            <v>10902</v>
          </cell>
          <cell r="T34">
            <v>12677</v>
          </cell>
          <cell r="U34">
            <v>8660</v>
          </cell>
          <cell r="V34">
            <v>6005</v>
          </cell>
          <cell r="W34">
            <v>3079</v>
          </cell>
          <cell r="X34">
            <v>860</v>
          </cell>
          <cell r="Y34">
            <v>119</v>
          </cell>
        </row>
        <row r="35">
          <cell r="D35">
            <v>100168</v>
          </cell>
          <cell r="E35">
            <v>2616</v>
          </cell>
          <cell r="F35">
            <v>2957</v>
          </cell>
          <cell r="G35">
            <v>3597</v>
          </cell>
          <cell r="H35">
            <v>3736</v>
          </cell>
          <cell r="I35">
            <v>5744</v>
          </cell>
          <cell r="J35">
            <v>7733</v>
          </cell>
          <cell r="K35">
            <v>6418</v>
          </cell>
          <cell r="L35">
            <v>5970</v>
          </cell>
          <cell r="M35">
            <v>6517</v>
          </cell>
          <cell r="N35">
            <v>7209</v>
          </cell>
          <cell r="O35">
            <v>8457</v>
          </cell>
          <cell r="P35">
            <v>8238</v>
          </cell>
          <cell r="Q35">
            <v>6995</v>
          </cell>
          <cell r="R35">
            <v>5606</v>
          </cell>
          <cell r="S35">
            <v>5468</v>
          </cell>
          <cell r="T35">
            <v>6064</v>
          </cell>
          <cell r="U35">
            <v>3563</v>
          </cell>
          <cell r="V35">
            <v>2129</v>
          </cell>
          <cell r="W35">
            <v>936</v>
          </cell>
          <cell r="X35">
            <v>200</v>
          </cell>
          <cell r="Y35">
            <v>15</v>
          </cell>
        </row>
        <row r="36">
          <cell r="D36">
            <v>100689</v>
          </cell>
          <cell r="E36">
            <v>2383</v>
          </cell>
          <cell r="F36">
            <v>3010</v>
          </cell>
          <cell r="G36">
            <v>3239</v>
          </cell>
          <cell r="H36">
            <v>3622</v>
          </cell>
          <cell r="I36">
            <v>5858</v>
          </cell>
          <cell r="J36">
            <v>7238</v>
          </cell>
          <cell r="K36">
            <v>5959</v>
          </cell>
          <cell r="L36">
            <v>5545</v>
          </cell>
          <cell r="M36">
            <v>6154</v>
          </cell>
          <cell r="N36">
            <v>6647</v>
          </cell>
          <cell r="O36">
            <v>7882</v>
          </cell>
          <cell r="P36">
            <v>7510</v>
          </cell>
          <cell r="Q36">
            <v>6309</v>
          </cell>
          <cell r="R36">
            <v>5404</v>
          </cell>
          <cell r="S36">
            <v>5434</v>
          </cell>
          <cell r="T36">
            <v>6613</v>
          </cell>
          <cell r="U36">
            <v>5097</v>
          </cell>
          <cell r="V36">
            <v>3876</v>
          </cell>
          <cell r="W36">
            <v>2143</v>
          </cell>
          <cell r="X36">
            <v>660</v>
          </cell>
          <cell r="Y36">
            <v>104</v>
          </cell>
        </row>
        <row r="37">
          <cell r="D37">
            <v>202805</v>
          </cell>
          <cell r="E37">
            <v>5888</v>
          </cell>
          <cell r="F37">
            <v>7003</v>
          </cell>
          <cell r="G37">
            <v>7571</v>
          </cell>
          <cell r="H37">
            <v>8280</v>
          </cell>
          <cell r="I37">
            <v>11518</v>
          </cell>
          <cell r="J37">
            <v>12866</v>
          </cell>
          <cell r="K37">
            <v>11514</v>
          </cell>
          <cell r="L37">
            <v>11207</v>
          </cell>
          <cell r="M37">
            <v>12481</v>
          </cell>
          <cell r="N37">
            <v>13897</v>
          </cell>
          <cell r="O37">
            <v>16245</v>
          </cell>
          <cell r="P37">
            <v>15821</v>
          </cell>
          <cell r="Q37">
            <v>14122</v>
          </cell>
          <cell r="R37">
            <v>10963</v>
          </cell>
          <cell r="S37">
            <v>10811</v>
          </cell>
          <cell r="T37">
            <v>12476</v>
          </cell>
          <cell r="U37">
            <v>9264</v>
          </cell>
          <cell r="V37">
            <v>6436</v>
          </cell>
          <cell r="W37">
            <v>3390</v>
          </cell>
          <cell r="X37">
            <v>934</v>
          </cell>
          <cell r="Y37">
            <v>118</v>
          </cell>
        </row>
        <row r="38">
          <cell r="D38">
            <v>100347</v>
          </cell>
          <cell r="E38">
            <v>2967</v>
          </cell>
          <cell r="F38">
            <v>3675</v>
          </cell>
          <cell r="G38">
            <v>3913</v>
          </cell>
          <cell r="H38">
            <v>4202</v>
          </cell>
          <cell r="I38">
            <v>6121</v>
          </cell>
          <cell r="J38">
            <v>6693</v>
          </cell>
          <cell r="K38">
            <v>5993</v>
          </cell>
          <cell r="L38">
            <v>5820</v>
          </cell>
          <cell r="M38">
            <v>6409</v>
          </cell>
          <cell r="N38">
            <v>7177</v>
          </cell>
          <cell r="O38">
            <v>8310</v>
          </cell>
          <cell r="P38">
            <v>8054</v>
          </cell>
          <cell r="Q38">
            <v>7307</v>
          </cell>
          <cell r="R38">
            <v>5579</v>
          </cell>
          <cell r="S38">
            <v>5213</v>
          </cell>
          <cell r="T38">
            <v>5616</v>
          </cell>
          <cell r="U38">
            <v>3674</v>
          </cell>
          <cell r="V38">
            <v>2376</v>
          </cell>
          <cell r="W38">
            <v>1013</v>
          </cell>
          <cell r="X38">
            <v>216</v>
          </cell>
          <cell r="Y38">
            <v>19</v>
          </cell>
        </row>
        <row r="39">
          <cell r="D39">
            <v>102458</v>
          </cell>
          <cell r="E39">
            <v>2921</v>
          </cell>
          <cell r="F39">
            <v>3328</v>
          </cell>
          <cell r="G39">
            <v>3658</v>
          </cell>
          <cell r="H39">
            <v>4078</v>
          </cell>
          <cell r="I39">
            <v>5397</v>
          </cell>
          <cell r="J39">
            <v>6173</v>
          </cell>
          <cell r="K39">
            <v>5521</v>
          </cell>
          <cell r="L39">
            <v>5387</v>
          </cell>
          <cell r="M39">
            <v>6072</v>
          </cell>
          <cell r="N39">
            <v>6720</v>
          </cell>
          <cell r="O39">
            <v>7935</v>
          </cell>
          <cell r="P39">
            <v>7767</v>
          </cell>
          <cell r="Q39">
            <v>6815</v>
          </cell>
          <cell r="R39">
            <v>5384</v>
          </cell>
          <cell r="S39">
            <v>5598</v>
          </cell>
          <cell r="T39">
            <v>6860</v>
          </cell>
          <cell r="U39">
            <v>5590</v>
          </cell>
          <cell r="V39">
            <v>4060</v>
          </cell>
          <cell r="W39">
            <v>2377</v>
          </cell>
          <cell r="X39">
            <v>718</v>
          </cell>
          <cell r="Y39">
            <v>99</v>
          </cell>
        </row>
        <row r="40">
          <cell r="D40">
            <v>164724</v>
          </cell>
          <cell r="E40">
            <v>4761</v>
          </cell>
          <cell r="F40">
            <v>5900</v>
          </cell>
          <cell r="G40">
            <v>6852</v>
          </cell>
          <cell r="H40">
            <v>6992</v>
          </cell>
          <cell r="I40">
            <v>7669</v>
          </cell>
          <cell r="J40">
            <v>8642</v>
          </cell>
          <cell r="K40">
            <v>8331</v>
          </cell>
          <cell r="L40">
            <v>9020</v>
          </cell>
          <cell r="M40">
            <v>10555</v>
          </cell>
          <cell r="N40">
            <v>11692</v>
          </cell>
          <cell r="O40">
            <v>13937</v>
          </cell>
          <cell r="P40">
            <v>12671</v>
          </cell>
          <cell r="Q40">
            <v>11188</v>
          </cell>
          <cell r="R40">
            <v>9271</v>
          </cell>
          <cell r="S40">
            <v>9382</v>
          </cell>
          <cell r="T40">
            <v>10935</v>
          </cell>
          <cell r="U40">
            <v>8071</v>
          </cell>
          <cell r="V40">
            <v>5242</v>
          </cell>
          <cell r="W40">
            <v>2782</v>
          </cell>
          <cell r="X40">
            <v>734</v>
          </cell>
          <cell r="Y40">
            <v>96</v>
          </cell>
        </row>
        <row r="41">
          <cell r="D41">
            <v>81138</v>
          </cell>
          <cell r="E41">
            <v>2444</v>
          </cell>
          <cell r="F41">
            <v>3000</v>
          </cell>
          <cell r="G41">
            <v>3587</v>
          </cell>
          <cell r="H41">
            <v>3621</v>
          </cell>
          <cell r="I41">
            <v>3967</v>
          </cell>
          <cell r="J41">
            <v>4501</v>
          </cell>
          <cell r="K41">
            <v>4402</v>
          </cell>
          <cell r="L41">
            <v>4672</v>
          </cell>
          <cell r="M41">
            <v>5431</v>
          </cell>
          <cell r="N41">
            <v>5989</v>
          </cell>
          <cell r="O41">
            <v>7138</v>
          </cell>
          <cell r="P41">
            <v>6481</v>
          </cell>
          <cell r="Q41">
            <v>5655</v>
          </cell>
          <cell r="R41">
            <v>4572</v>
          </cell>
          <cell r="S41">
            <v>4460</v>
          </cell>
          <cell r="T41">
            <v>4961</v>
          </cell>
          <cell r="U41">
            <v>3317</v>
          </cell>
          <cell r="V41">
            <v>1898</v>
          </cell>
          <cell r="W41">
            <v>856</v>
          </cell>
          <cell r="X41">
            <v>169</v>
          </cell>
          <cell r="Y41">
            <v>17</v>
          </cell>
        </row>
        <row r="42">
          <cell r="D42">
            <v>83586</v>
          </cell>
          <cell r="E42">
            <v>2317</v>
          </cell>
          <cell r="F42">
            <v>2900</v>
          </cell>
          <cell r="G42">
            <v>3265</v>
          </cell>
          <cell r="H42">
            <v>3371</v>
          </cell>
          <cell r="I42">
            <v>3702</v>
          </cell>
          <cell r="J42">
            <v>4141</v>
          </cell>
          <cell r="K42">
            <v>3929</v>
          </cell>
          <cell r="L42">
            <v>4348</v>
          </cell>
          <cell r="M42">
            <v>5124</v>
          </cell>
          <cell r="N42">
            <v>5703</v>
          </cell>
          <cell r="O42">
            <v>6799</v>
          </cell>
          <cell r="P42">
            <v>6190</v>
          </cell>
          <cell r="Q42">
            <v>5533</v>
          </cell>
          <cell r="R42">
            <v>4699</v>
          </cell>
          <cell r="S42">
            <v>4922</v>
          </cell>
          <cell r="T42">
            <v>5974</v>
          </cell>
          <cell r="U42">
            <v>4754</v>
          </cell>
          <cell r="V42">
            <v>3344</v>
          </cell>
          <cell r="W42">
            <v>1926</v>
          </cell>
          <cell r="X42">
            <v>565</v>
          </cell>
          <cell r="Y42">
            <v>79</v>
          </cell>
        </row>
        <row r="43">
          <cell r="D43">
            <v>190971</v>
          </cell>
          <cell r="E43">
            <v>4748</v>
          </cell>
          <cell r="F43">
            <v>6316</v>
          </cell>
          <cell r="G43">
            <v>7523</v>
          </cell>
          <cell r="H43">
            <v>8657</v>
          </cell>
          <cell r="I43">
            <v>10141</v>
          </cell>
          <cell r="J43">
            <v>9222</v>
          </cell>
          <cell r="K43">
            <v>8273</v>
          </cell>
          <cell r="L43">
            <v>9072</v>
          </cell>
          <cell r="M43">
            <v>10715</v>
          </cell>
          <cell r="N43">
            <v>12554</v>
          </cell>
          <cell r="O43">
            <v>15797</v>
          </cell>
          <cell r="P43">
            <v>14667</v>
          </cell>
          <cell r="Q43">
            <v>13170</v>
          </cell>
          <cell r="R43">
            <v>11296</v>
          </cell>
          <cell r="S43">
            <v>12528</v>
          </cell>
          <cell r="T43">
            <v>14654</v>
          </cell>
          <cell r="U43">
            <v>10444</v>
          </cell>
          <cell r="V43">
            <v>6697</v>
          </cell>
          <cell r="W43">
            <v>3364</v>
          </cell>
          <cell r="X43">
            <v>970</v>
          </cell>
          <cell r="Y43">
            <v>162</v>
          </cell>
        </row>
        <row r="44">
          <cell r="D44">
            <v>93217</v>
          </cell>
          <cell r="E44">
            <v>2475</v>
          </cell>
          <cell r="F44">
            <v>3223</v>
          </cell>
          <cell r="G44">
            <v>3841</v>
          </cell>
          <cell r="H44">
            <v>4412</v>
          </cell>
          <cell r="I44">
            <v>5193</v>
          </cell>
          <cell r="J44">
            <v>4797</v>
          </cell>
          <cell r="K44">
            <v>4311</v>
          </cell>
          <cell r="L44">
            <v>4731</v>
          </cell>
          <cell r="M44">
            <v>5501</v>
          </cell>
          <cell r="N44">
            <v>6251</v>
          </cell>
          <cell r="O44">
            <v>7947</v>
          </cell>
          <cell r="P44">
            <v>7327</v>
          </cell>
          <cell r="Q44">
            <v>6530</v>
          </cell>
          <cell r="R44">
            <v>5475</v>
          </cell>
          <cell r="S44">
            <v>5974</v>
          </cell>
          <cell r="T44">
            <v>6664</v>
          </cell>
          <cell r="U44">
            <v>4527</v>
          </cell>
          <cell r="V44">
            <v>2689</v>
          </cell>
          <cell r="W44">
            <v>1108</v>
          </cell>
          <cell r="X44">
            <v>219</v>
          </cell>
          <cell r="Y44">
            <v>22</v>
          </cell>
        </row>
        <row r="45">
          <cell r="D45">
            <v>97754</v>
          </cell>
          <cell r="E45">
            <v>2273</v>
          </cell>
          <cell r="F45">
            <v>3093</v>
          </cell>
          <cell r="G45">
            <v>3682</v>
          </cell>
          <cell r="H45">
            <v>4245</v>
          </cell>
          <cell r="I45">
            <v>4948</v>
          </cell>
          <cell r="J45">
            <v>4425</v>
          </cell>
          <cell r="K45">
            <v>3962</v>
          </cell>
          <cell r="L45">
            <v>4341</v>
          </cell>
          <cell r="M45">
            <v>5214</v>
          </cell>
          <cell r="N45">
            <v>6303</v>
          </cell>
          <cell r="O45">
            <v>7850</v>
          </cell>
          <cell r="P45">
            <v>7340</v>
          </cell>
          <cell r="Q45">
            <v>6640</v>
          </cell>
          <cell r="R45">
            <v>5821</v>
          </cell>
          <cell r="S45">
            <v>6554</v>
          </cell>
          <cell r="T45">
            <v>7990</v>
          </cell>
          <cell r="U45">
            <v>5917</v>
          </cell>
          <cell r="V45">
            <v>4008</v>
          </cell>
          <cell r="W45">
            <v>2256</v>
          </cell>
          <cell r="X45">
            <v>751</v>
          </cell>
          <cell r="Y45">
            <v>140</v>
          </cell>
        </row>
        <row r="46">
          <cell r="D46">
            <v>360166</v>
          </cell>
          <cell r="E46">
            <v>13343</v>
          </cell>
          <cell r="F46">
            <v>14167</v>
          </cell>
          <cell r="G46">
            <v>14927</v>
          </cell>
          <cell r="H46">
            <v>14449</v>
          </cell>
          <cell r="I46">
            <v>19695</v>
          </cell>
          <cell r="J46">
            <v>27715</v>
          </cell>
          <cell r="K46">
            <v>26799</v>
          </cell>
          <cell r="L46">
            <v>23986</v>
          </cell>
          <cell r="M46">
            <v>25610</v>
          </cell>
          <cell r="N46">
            <v>27169</v>
          </cell>
          <cell r="O46">
            <v>29975</v>
          </cell>
          <cell r="P46">
            <v>27644</v>
          </cell>
          <cell r="Q46">
            <v>22078</v>
          </cell>
          <cell r="R46">
            <v>16357</v>
          </cell>
          <cell r="S46">
            <v>14777</v>
          </cell>
          <cell r="T46">
            <v>16316</v>
          </cell>
          <cell r="U46">
            <v>11709</v>
          </cell>
          <cell r="V46">
            <v>7803</v>
          </cell>
          <cell r="W46">
            <v>4244</v>
          </cell>
          <cell r="X46">
            <v>1212</v>
          </cell>
          <cell r="Y46">
            <v>191</v>
          </cell>
        </row>
        <row r="47">
          <cell r="D47">
            <v>178878</v>
          </cell>
          <cell r="E47">
            <v>6871</v>
          </cell>
          <cell r="F47">
            <v>7363</v>
          </cell>
          <cell r="G47">
            <v>7693</v>
          </cell>
          <cell r="H47">
            <v>7388</v>
          </cell>
          <cell r="I47">
            <v>9891</v>
          </cell>
          <cell r="J47">
            <v>14022</v>
          </cell>
          <cell r="K47">
            <v>13658</v>
          </cell>
          <cell r="L47">
            <v>12190</v>
          </cell>
          <cell r="M47">
            <v>13171</v>
          </cell>
          <cell r="N47">
            <v>13878</v>
          </cell>
          <cell r="O47">
            <v>15082</v>
          </cell>
          <cell r="P47">
            <v>14190</v>
          </cell>
          <cell r="Q47">
            <v>11438</v>
          </cell>
          <cell r="R47">
            <v>8131</v>
          </cell>
          <cell r="S47">
            <v>7095</v>
          </cell>
          <cell r="T47">
            <v>7492</v>
          </cell>
          <cell r="U47">
            <v>4832</v>
          </cell>
          <cell r="V47">
            <v>2893</v>
          </cell>
          <cell r="W47">
            <v>1312</v>
          </cell>
          <cell r="X47">
            <v>266</v>
          </cell>
          <cell r="Y47">
            <v>22</v>
          </cell>
        </row>
        <row r="48">
          <cell r="D48">
            <v>181288</v>
          </cell>
          <cell r="E48">
            <v>6472</v>
          </cell>
          <cell r="F48">
            <v>6804</v>
          </cell>
          <cell r="G48">
            <v>7234</v>
          </cell>
          <cell r="H48">
            <v>7061</v>
          </cell>
          <cell r="I48">
            <v>9804</v>
          </cell>
          <cell r="J48">
            <v>13693</v>
          </cell>
          <cell r="K48">
            <v>13141</v>
          </cell>
          <cell r="L48">
            <v>11796</v>
          </cell>
          <cell r="M48">
            <v>12439</v>
          </cell>
          <cell r="N48">
            <v>13291</v>
          </cell>
          <cell r="O48">
            <v>14893</v>
          </cell>
          <cell r="P48">
            <v>13454</v>
          </cell>
          <cell r="Q48">
            <v>10640</v>
          </cell>
          <cell r="R48">
            <v>8226</v>
          </cell>
          <cell r="S48">
            <v>7682</v>
          </cell>
          <cell r="T48">
            <v>8824</v>
          </cell>
          <cell r="U48">
            <v>6877</v>
          </cell>
          <cell r="V48">
            <v>4910</v>
          </cell>
          <cell r="W48">
            <v>2932</v>
          </cell>
          <cell r="X48">
            <v>946</v>
          </cell>
          <cell r="Y48">
            <v>169</v>
          </cell>
        </row>
        <row r="49">
          <cell r="D49">
            <v>280558</v>
          </cell>
          <cell r="E49">
            <v>9417</v>
          </cell>
          <cell r="F49">
            <v>11400</v>
          </cell>
          <cell r="G49">
            <v>12284</v>
          </cell>
          <cell r="H49">
            <v>13485</v>
          </cell>
          <cell r="I49">
            <v>14202</v>
          </cell>
          <cell r="J49">
            <v>13935</v>
          </cell>
          <cell r="K49">
            <v>14469</v>
          </cell>
          <cell r="L49">
            <v>15789</v>
          </cell>
          <cell r="M49">
            <v>17443</v>
          </cell>
          <cell r="N49">
            <v>20076</v>
          </cell>
          <cell r="O49">
            <v>24146</v>
          </cell>
          <cell r="P49">
            <v>22202</v>
          </cell>
          <cell r="Q49">
            <v>17975</v>
          </cell>
          <cell r="R49">
            <v>13884</v>
          </cell>
          <cell r="S49">
            <v>14737</v>
          </cell>
          <cell r="T49">
            <v>17461</v>
          </cell>
          <cell r="U49">
            <v>13064</v>
          </cell>
          <cell r="V49">
            <v>9044</v>
          </cell>
          <cell r="W49">
            <v>4277</v>
          </cell>
          <cell r="X49">
            <v>1105</v>
          </cell>
          <cell r="Y49">
            <v>163</v>
          </cell>
        </row>
        <row r="50">
          <cell r="D50">
            <v>137692</v>
          </cell>
          <cell r="E50">
            <v>4843</v>
          </cell>
          <cell r="F50">
            <v>5792</v>
          </cell>
          <cell r="G50">
            <v>6270</v>
          </cell>
          <cell r="H50">
            <v>6918</v>
          </cell>
          <cell r="I50">
            <v>7217</v>
          </cell>
          <cell r="J50">
            <v>6998</v>
          </cell>
          <cell r="K50">
            <v>7405</v>
          </cell>
          <cell r="L50">
            <v>7986</v>
          </cell>
          <cell r="M50">
            <v>8972</v>
          </cell>
          <cell r="N50">
            <v>10240</v>
          </cell>
          <cell r="O50">
            <v>12109</v>
          </cell>
          <cell r="P50">
            <v>11378</v>
          </cell>
          <cell r="Q50">
            <v>9299</v>
          </cell>
          <cell r="R50">
            <v>6853</v>
          </cell>
          <cell r="S50">
            <v>6859</v>
          </cell>
          <cell r="T50">
            <v>7852</v>
          </cell>
          <cell r="U50">
            <v>5383</v>
          </cell>
          <cell r="V50">
            <v>3589</v>
          </cell>
          <cell r="W50">
            <v>1458</v>
          </cell>
          <cell r="X50">
            <v>249</v>
          </cell>
          <cell r="Y50">
            <v>22</v>
          </cell>
        </row>
        <row r="51">
          <cell r="D51">
            <v>142866</v>
          </cell>
          <cell r="E51">
            <v>4574</v>
          </cell>
          <cell r="F51">
            <v>5608</v>
          </cell>
          <cell r="G51">
            <v>6014</v>
          </cell>
          <cell r="H51">
            <v>6567</v>
          </cell>
          <cell r="I51">
            <v>6985</v>
          </cell>
          <cell r="J51">
            <v>6937</v>
          </cell>
          <cell r="K51">
            <v>7064</v>
          </cell>
          <cell r="L51">
            <v>7803</v>
          </cell>
          <cell r="M51">
            <v>8471</v>
          </cell>
          <cell r="N51">
            <v>9836</v>
          </cell>
          <cell r="O51">
            <v>12037</v>
          </cell>
          <cell r="P51">
            <v>10824</v>
          </cell>
          <cell r="Q51">
            <v>8676</v>
          </cell>
          <cell r="R51">
            <v>7031</v>
          </cell>
          <cell r="S51">
            <v>7878</v>
          </cell>
          <cell r="T51">
            <v>9609</v>
          </cell>
          <cell r="U51">
            <v>7681</v>
          </cell>
          <cell r="V51">
            <v>5455</v>
          </cell>
          <cell r="W51">
            <v>2819</v>
          </cell>
          <cell r="X51">
            <v>856</v>
          </cell>
          <cell r="Y51">
            <v>141</v>
          </cell>
        </row>
        <row r="52">
          <cell r="D52">
            <v>210696</v>
          </cell>
          <cell r="E52">
            <v>6253</v>
          </cell>
          <cell r="F52">
            <v>7406</v>
          </cell>
          <cell r="G52">
            <v>8251</v>
          </cell>
          <cell r="H52">
            <v>9036</v>
          </cell>
          <cell r="I52">
            <v>9909</v>
          </cell>
          <cell r="J52">
            <v>10462</v>
          </cell>
          <cell r="K52">
            <v>10514</v>
          </cell>
          <cell r="L52">
            <v>11120</v>
          </cell>
          <cell r="M52">
            <v>12223</v>
          </cell>
          <cell r="N52">
            <v>14088</v>
          </cell>
          <cell r="O52">
            <v>17714</v>
          </cell>
          <cell r="P52">
            <v>16937</v>
          </cell>
          <cell r="Q52">
            <v>14694</v>
          </cell>
          <cell r="R52">
            <v>11681</v>
          </cell>
          <cell r="S52">
            <v>11902</v>
          </cell>
          <cell r="T52">
            <v>14599</v>
          </cell>
          <cell r="U52">
            <v>11291</v>
          </cell>
          <cell r="V52">
            <v>7743</v>
          </cell>
          <cell r="W52">
            <v>3826</v>
          </cell>
          <cell r="X52">
            <v>910</v>
          </cell>
          <cell r="Y52">
            <v>137</v>
          </cell>
        </row>
        <row r="53">
          <cell r="D53">
            <v>102044</v>
          </cell>
          <cell r="E53">
            <v>3190</v>
          </cell>
          <cell r="F53">
            <v>3798</v>
          </cell>
          <cell r="G53">
            <v>4201</v>
          </cell>
          <cell r="H53">
            <v>4636</v>
          </cell>
          <cell r="I53">
            <v>4966</v>
          </cell>
          <cell r="J53">
            <v>5305</v>
          </cell>
          <cell r="K53">
            <v>5230</v>
          </cell>
          <cell r="L53">
            <v>5702</v>
          </cell>
          <cell r="M53">
            <v>6223</v>
          </cell>
          <cell r="N53">
            <v>7123</v>
          </cell>
          <cell r="O53">
            <v>8834</v>
          </cell>
          <cell r="P53">
            <v>8516</v>
          </cell>
          <cell r="Q53">
            <v>7400</v>
          </cell>
          <cell r="R53">
            <v>5739</v>
          </cell>
          <cell r="S53">
            <v>5577</v>
          </cell>
          <cell r="T53">
            <v>6440</v>
          </cell>
          <cell r="U53">
            <v>4614</v>
          </cell>
          <cell r="V53">
            <v>3023</v>
          </cell>
          <cell r="W53">
            <v>1283</v>
          </cell>
          <cell r="X53">
            <v>224</v>
          </cell>
          <cell r="Y53">
            <v>20</v>
          </cell>
        </row>
        <row r="54">
          <cell r="D54">
            <v>108652</v>
          </cell>
          <cell r="E54">
            <v>3063</v>
          </cell>
          <cell r="F54">
            <v>3608</v>
          </cell>
          <cell r="G54">
            <v>4050</v>
          </cell>
          <cell r="H54">
            <v>4400</v>
          </cell>
          <cell r="I54">
            <v>4943</v>
          </cell>
          <cell r="J54">
            <v>5157</v>
          </cell>
          <cell r="K54">
            <v>5284</v>
          </cell>
          <cell r="L54">
            <v>5418</v>
          </cell>
          <cell r="M54">
            <v>6000</v>
          </cell>
          <cell r="N54">
            <v>6965</v>
          </cell>
          <cell r="O54">
            <v>8880</v>
          </cell>
          <cell r="P54">
            <v>8421</v>
          </cell>
          <cell r="Q54">
            <v>7294</v>
          </cell>
          <cell r="R54">
            <v>5942</v>
          </cell>
          <cell r="S54">
            <v>6325</v>
          </cell>
          <cell r="T54">
            <v>8159</v>
          </cell>
          <cell r="U54">
            <v>6677</v>
          </cell>
          <cell r="V54">
            <v>4720</v>
          </cell>
          <cell r="W54">
            <v>2543</v>
          </cell>
          <cell r="X54">
            <v>686</v>
          </cell>
          <cell r="Y54">
            <v>117</v>
          </cell>
        </row>
        <row r="55">
          <cell r="D55">
            <v>241178</v>
          </cell>
          <cell r="E55">
            <v>7155</v>
          </cell>
          <cell r="F55">
            <v>8564</v>
          </cell>
          <cell r="G55">
            <v>9762</v>
          </cell>
          <cell r="H55">
            <v>10668</v>
          </cell>
          <cell r="I55">
            <v>11568</v>
          </cell>
          <cell r="J55">
            <v>12160</v>
          </cell>
          <cell r="K55">
            <v>12209</v>
          </cell>
          <cell r="L55">
            <v>12244</v>
          </cell>
          <cell r="M55">
            <v>14018</v>
          </cell>
          <cell r="N55">
            <v>15968</v>
          </cell>
          <cell r="O55">
            <v>19774</v>
          </cell>
          <cell r="P55">
            <v>19012</v>
          </cell>
          <cell r="Q55">
            <v>16251</v>
          </cell>
          <cell r="R55">
            <v>13357</v>
          </cell>
          <cell r="S55">
            <v>13769</v>
          </cell>
          <cell r="T55">
            <v>16537</v>
          </cell>
          <cell r="U55">
            <v>12867</v>
          </cell>
          <cell r="V55">
            <v>9316</v>
          </cell>
          <cell r="W55">
            <v>4551</v>
          </cell>
          <cell r="X55">
            <v>1253</v>
          </cell>
          <cell r="Y55">
            <v>174</v>
          </cell>
        </row>
        <row r="56">
          <cell r="D56">
            <v>117434</v>
          </cell>
          <cell r="E56">
            <v>3693</v>
          </cell>
          <cell r="F56">
            <v>4297</v>
          </cell>
          <cell r="G56">
            <v>4946</v>
          </cell>
          <cell r="H56">
            <v>5474</v>
          </cell>
          <cell r="I56">
            <v>5945</v>
          </cell>
          <cell r="J56">
            <v>6041</v>
          </cell>
          <cell r="K56">
            <v>6317</v>
          </cell>
          <cell r="L56">
            <v>6333</v>
          </cell>
          <cell r="M56">
            <v>7115</v>
          </cell>
          <cell r="N56">
            <v>8120</v>
          </cell>
          <cell r="O56">
            <v>9993</v>
          </cell>
          <cell r="P56">
            <v>9758</v>
          </cell>
          <cell r="Q56">
            <v>8281</v>
          </cell>
          <cell r="R56">
            <v>6558</v>
          </cell>
          <cell r="S56">
            <v>6532</v>
          </cell>
          <cell r="T56">
            <v>7418</v>
          </cell>
          <cell r="U56">
            <v>5319</v>
          </cell>
          <cell r="V56">
            <v>3550</v>
          </cell>
          <cell r="W56">
            <v>1429</v>
          </cell>
          <cell r="X56">
            <v>294</v>
          </cell>
          <cell r="Y56">
            <v>21</v>
          </cell>
        </row>
        <row r="57">
          <cell r="D57">
            <v>123744</v>
          </cell>
          <cell r="E57">
            <v>3462</v>
          </cell>
          <cell r="F57">
            <v>4267</v>
          </cell>
          <cell r="G57">
            <v>4816</v>
          </cell>
          <cell r="H57">
            <v>5194</v>
          </cell>
          <cell r="I57">
            <v>5623</v>
          </cell>
          <cell r="J57">
            <v>6119</v>
          </cell>
          <cell r="K57">
            <v>5892</v>
          </cell>
          <cell r="L57">
            <v>5911</v>
          </cell>
          <cell r="M57">
            <v>6903</v>
          </cell>
          <cell r="N57">
            <v>7848</v>
          </cell>
          <cell r="O57">
            <v>9781</v>
          </cell>
          <cell r="P57">
            <v>9254</v>
          </cell>
          <cell r="Q57">
            <v>7970</v>
          </cell>
          <cell r="R57">
            <v>6799</v>
          </cell>
          <cell r="S57">
            <v>7237</v>
          </cell>
          <cell r="T57">
            <v>9119</v>
          </cell>
          <cell r="U57">
            <v>7548</v>
          </cell>
          <cell r="V57">
            <v>5766</v>
          </cell>
          <cell r="W57">
            <v>3122</v>
          </cell>
          <cell r="X57">
            <v>959</v>
          </cell>
          <cell r="Y57">
            <v>153</v>
          </cell>
        </row>
        <row r="58">
          <cell r="D58">
            <v>181096</v>
          </cell>
          <cell r="E58">
            <v>5790</v>
          </cell>
          <cell r="F58">
            <v>7318</v>
          </cell>
          <cell r="G58">
            <v>7861</v>
          </cell>
          <cell r="H58">
            <v>8520</v>
          </cell>
          <cell r="I58">
            <v>9675</v>
          </cell>
          <cell r="J58">
            <v>10338</v>
          </cell>
          <cell r="K58">
            <v>10003</v>
          </cell>
          <cell r="L58">
            <v>10190</v>
          </cell>
          <cell r="M58">
            <v>11305</v>
          </cell>
          <cell r="N58">
            <v>12682</v>
          </cell>
          <cell r="O58">
            <v>15429</v>
          </cell>
          <cell r="P58">
            <v>14588</v>
          </cell>
          <cell r="Q58">
            <v>11809</v>
          </cell>
          <cell r="R58">
            <v>9313</v>
          </cell>
          <cell r="S58">
            <v>9070</v>
          </cell>
          <cell r="T58">
            <v>10450</v>
          </cell>
          <cell r="U58">
            <v>8046</v>
          </cell>
          <cell r="V58">
            <v>5361</v>
          </cell>
          <cell r="W58">
            <v>2634</v>
          </cell>
          <cell r="X58">
            <v>624</v>
          </cell>
          <cell r="Y58">
            <v>89</v>
          </cell>
        </row>
        <row r="59">
          <cell r="D59">
            <v>89185</v>
          </cell>
          <cell r="E59">
            <v>3033</v>
          </cell>
          <cell r="F59">
            <v>3748</v>
          </cell>
          <cell r="G59">
            <v>4060</v>
          </cell>
          <cell r="H59">
            <v>4424</v>
          </cell>
          <cell r="I59">
            <v>4833</v>
          </cell>
          <cell r="J59">
            <v>5174</v>
          </cell>
          <cell r="K59">
            <v>5074</v>
          </cell>
          <cell r="L59">
            <v>5252</v>
          </cell>
          <cell r="M59">
            <v>5736</v>
          </cell>
          <cell r="N59">
            <v>6451</v>
          </cell>
          <cell r="O59">
            <v>7726</v>
          </cell>
          <cell r="P59">
            <v>7568</v>
          </cell>
          <cell r="Q59">
            <v>6030</v>
          </cell>
          <cell r="R59">
            <v>4590</v>
          </cell>
          <cell r="S59">
            <v>4302</v>
          </cell>
          <cell r="T59">
            <v>4651</v>
          </cell>
          <cell r="U59">
            <v>3357</v>
          </cell>
          <cell r="V59">
            <v>2132</v>
          </cell>
          <cell r="W59">
            <v>861</v>
          </cell>
          <cell r="X59">
            <v>163</v>
          </cell>
          <cell r="Y59">
            <v>19</v>
          </cell>
        </row>
        <row r="60">
          <cell r="D60">
            <v>91911</v>
          </cell>
          <cell r="E60">
            <v>2757</v>
          </cell>
          <cell r="F60">
            <v>3570</v>
          </cell>
          <cell r="G60">
            <v>3801</v>
          </cell>
          <cell r="H60">
            <v>4096</v>
          </cell>
          <cell r="I60">
            <v>4842</v>
          </cell>
          <cell r="J60">
            <v>5164</v>
          </cell>
          <cell r="K60">
            <v>4929</v>
          </cell>
          <cell r="L60">
            <v>4938</v>
          </cell>
          <cell r="M60">
            <v>5569</v>
          </cell>
          <cell r="N60">
            <v>6231</v>
          </cell>
          <cell r="O60">
            <v>7703</v>
          </cell>
          <cell r="P60">
            <v>7020</v>
          </cell>
          <cell r="Q60">
            <v>5779</v>
          </cell>
          <cell r="R60">
            <v>4723</v>
          </cell>
          <cell r="S60">
            <v>4768</v>
          </cell>
          <cell r="T60">
            <v>5799</v>
          </cell>
          <cell r="U60">
            <v>4689</v>
          </cell>
          <cell r="V60">
            <v>3229</v>
          </cell>
          <cell r="W60">
            <v>1773</v>
          </cell>
          <cell r="X60">
            <v>461</v>
          </cell>
          <cell r="Y60">
            <v>70</v>
          </cell>
        </row>
        <row r="61">
          <cell r="D61">
            <v>121342</v>
          </cell>
          <cell r="E61">
            <v>3802</v>
          </cell>
          <cell r="F61">
            <v>4238</v>
          </cell>
          <cell r="G61">
            <v>4839</v>
          </cell>
          <cell r="H61">
            <v>5561</v>
          </cell>
          <cell r="I61">
            <v>6358</v>
          </cell>
          <cell r="J61">
            <v>6599</v>
          </cell>
          <cell r="K61">
            <v>6509</v>
          </cell>
          <cell r="L61">
            <v>6341</v>
          </cell>
          <cell r="M61">
            <v>6833</v>
          </cell>
          <cell r="N61">
            <v>7848</v>
          </cell>
          <cell r="O61">
            <v>10433</v>
          </cell>
          <cell r="P61">
            <v>9810</v>
          </cell>
          <cell r="Q61">
            <v>7969</v>
          </cell>
          <cell r="R61">
            <v>6219</v>
          </cell>
          <cell r="S61">
            <v>6570</v>
          </cell>
          <cell r="T61">
            <v>7944</v>
          </cell>
          <cell r="U61">
            <v>6262</v>
          </cell>
          <cell r="V61">
            <v>4465</v>
          </cell>
          <cell r="W61">
            <v>2106</v>
          </cell>
          <cell r="X61">
            <v>561</v>
          </cell>
          <cell r="Y61">
            <v>75</v>
          </cell>
        </row>
        <row r="62">
          <cell r="D62">
            <v>59326</v>
          </cell>
          <cell r="E62">
            <v>1974</v>
          </cell>
          <cell r="F62">
            <v>2223</v>
          </cell>
          <cell r="G62">
            <v>2428</v>
          </cell>
          <cell r="H62">
            <v>2833</v>
          </cell>
          <cell r="I62">
            <v>3237</v>
          </cell>
          <cell r="J62">
            <v>3285</v>
          </cell>
          <cell r="K62">
            <v>3357</v>
          </cell>
          <cell r="L62">
            <v>3288</v>
          </cell>
          <cell r="M62">
            <v>3561</v>
          </cell>
          <cell r="N62">
            <v>3989</v>
          </cell>
          <cell r="O62">
            <v>5283</v>
          </cell>
          <cell r="P62">
            <v>5038</v>
          </cell>
          <cell r="Q62">
            <v>4056</v>
          </cell>
          <cell r="R62">
            <v>3103</v>
          </cell>
          <cell r="S62">
            <v>3108</v>
          </cell>
          <cell r="T62">
            <v>3453</v>
          </cell>
          <cell r="U62">
            <v>2564</v>
          </cell>
          <cell r="V62">
            <v>1752</v>
          </cell>
          <cell r="W62">
            <v>659</v>
          </cell>
          <cell r="X62">
            <v>126</v>
          </cell>
          <cell r="Y62">
            <v>9</v>
          </cell>
        </row>
        <row r="63">
          <cell r="D63">
            <v>62016</v>
          </cell>
          <cell r="E63">
            <v>1828</v>
          </cell>
          <cell r="F63">
            <v>2015</v>
          </cell>
          <cell r="G63">
            <v>2411</v>
          </cell>
          <cell r="H63">
            <v>2728</v>
          </cell>
          <cell r="I63">
            <v>3121</v>
          </cell>
          <cell r="J63">
            <v>3314</v>
          </cell>
          <cell r="K63">
            <v>3152</v>
          </cell>
          <cell r="L63">
            <v>3053</v>
          </cell>
          <cell r="M63">
            <v>3272</v>
          </cell>
          <cell r="N63">
            <v>3859</v>
          </cell>
          <cell r="O63">
            <v>5150</v>
          </cell>
          <cell r="P63">
            <v>4772</v>
          </cell>
          <cell r="Q63">
            <v>3913</v>
          </cell>
          <cell r="R63">
            <v>3116</v>
          </cell>
          <cell r="S63">
            <v>3462</v>
          </cell>
          <cell r="T63">
            <v>4491</v>
          </cell>
          <cell r="U63">
            <v>3698</v>
          </cell>
          <cell r="V63">
            <v>2713</v>
          </cell>
          <cell r="W63">
            <v>1447</v>
          </cell>
          <cell r="X63">
            <v>435</v>
          </cell>
          <cell r="Y63">
            <v>66</v>
          </cell>
        </row>
        <row r="64">
          <cell r="D64">
            <v>119942</v>
          </cell>
          <cell r="E64">
            <v>3655</v>
          </cell>
          <cell r="F64">
            <v>4147</v>
          </cell>
          <cell r="G64">
            <v>4653</v>
          </cell>
          <cell r="H64">
            <v>5416</v>
          </cell>
          <cell r="I64">
            <v>5854</v>
          </cell>
          <cell r="J64">
            <v>5465</v>
          </cell>
          <cell r="K64">
            <v>5710</v>
          </cell>
          <cell r="L64">
            <v>5884</v>
          </cell>
          <cell r="M64">
            <v>6674</v>
          </cell>
          <cell r="N64">
            <v>7888</v>
          </cell>
          <cell r="O64">
            <v>10584</v>
          </cell>
          <cell r="P64">
            <v>9658</v>
          </cell>
          <cell r="Q64">
            <v>7374</v>
          </cell>
          <cell r="R64">
            <v>6010</v>
          </cell>
          <cell r="S64">
            <v>6677</v>
          </cell>
          <cell r="T64">
            <v>8854</v>
          </cell>
          <cell r="U64">
            <v>7609</v>
          </cell>
          <cell r="V64">
            <v>4995</v>
          </cell>
          <cell r="W64">
            <v>2209</v>
          </cell>
          <cell r="X64">
            <v>537</v>
          </cell>
          <cell r="Y64">
            <v>89</v>
          </cell>
        </row>
        <row r="65">
          <cell r="D65">
            <v>58186</v>
          </cell>
          <cell r="E65">
            <v>1837</v>
          </cell>
          <cell r="F65">
            <v>2154</v>
          </cell>
          <cell r="G65">
            <v>2421</v>
          </cell>
          <cell r="H65">
            <v>2772</v>
          </cell>
          <cell r="I65">
            <v>2987</v>
          </cell>
          <cell r="J65">
            <v>2710</v>
          </cell>
          <cell r="K65">
            <v>2822</v>
          </cell>
          <cell r="L65">
            <v>3015</v>
          </cell>
          <cell r="M65">
            <v>3360</v>
          </cell>
          <cell r="N65">
            <v>3979</v>
          </cell>
          <cell r="O65">
            <v>5326</v>
          </cell>
          <cell r="P65">
            <v>4990</v>
          </cell>
          <cell r="Q65">
            <v>3783</v>
          </cell>
          <cell r="R65">
            <v>2898</v>
          </cell>
          <cell r="S65">
            <v>3015</v>
          </cell>
          <cell r="T65">
            <v>3741</v>
          </cell>
          <cell r="U65">
            <v>3230</v>
          </cell>
          <cell r="V65">
            <v>2145</v>
          </cell>
          <cell r="W65">
            <v>847</v>
          </cell>
          <cell r="X65">
            <v>136</v>
          </cell>
          <cell r="Y65">
            <v>18</v>
          </cell>
        </row>
        <row r="66">
          <cell r="D66">
            <v>61756</v>
          </cell>
          <cell r="E66">
            <v>1818</v>
          </cell>
          <cell r="F66">
            <v>1993</v>
          </cell>
          <cell r="G66">
            <v>2232</v>
          </cell>
          <cell r="H66">
            <v>2644</v>
          </cell>
          <cell r="I66">
            <v>2867</v>
          </cell>
          <cell r="J66">
            <v>2755</v>
          </cell>
          <cell r="K66">
            <v>2888</v>
          </cell>
          <cell r="L66">
            <v>2869</v>
          </cell>
          <cell r="M66">
            <v>3314</v>
          </cell>
          <cell r="N66">
            <v>3909</v>
          </cell>
          <cell r="O66">
            <v>5258</v>
          </cell>
          <cell r="P66">
            <v>4668</v>
          </cell>
          <cell r="Q66">
            <v>3591</v>
          </cell>
          <cell r="R66">
            <v>3112</v>
          </cell>
          <cell r="S66">
            <v>3662</v>
          </cell>
          <cell r="T66">
            <v>5113</v>
          </cell>
          <cell r="U66">
            <v>4379</v>
          </cell>
          <cell r="V66">
            <v>2850</v>
          </cell>
          <cell r="W66">
            <v>1362</v>
          </cell>
          <cell r="X66">
            <v>401</v>
          </cell>
          <cell r="Y66">
            <v>71</v>
          </cell>
        </row>
        <row r="67">
          <cell r="D67">
            <v>150615</v>
          </cell>
          <cell r="E67">
            <v>4776</v>
          </cell>
          <cell r="F67">
            <v>5484</v>
          </cell>
          <cell r="G67">
            <v>6047</v>
          </cell>
          <cell r="H67">
            <v>6864</v>
          </cell>
          <cell r="I67">
            <v>7264</v>
          </cell>
          <cell r="J67">
            <v>7505</v>
          </cell>
          <cell r="K67">
            <v>7578</v>
          </cell>
          <cell r="L67">
            <v>7568</v>
          </cell>
          <cell r="M67">
            <v>8317</v>
          </cell>
          <cell r="N67">
            <v>9782</v>
          </cell>
          <cell r="O67">
            <v>12901</v>
          </cell>
          <cell r="P67">
            <v>12333</v>
          </cell>
          <cell r="Q67">
            <v>10138</v>
          </cell>
          <cell r="R67">
            <v>8171</v>
          </cell>
          <cell r="S67">
            <v>8510</v>
          </cell>
          <cell r="T67">
            <v>10350</v>
          </cell>
          <cell r="U67">
            <v>8178</v>
          </cell>
          <cell r="V67">
            <v>5481</v>
          </cell>
          <cell r="W67">
            <v>2666</v>
          </cell>
          <cell r="X67">
            <v>623</v>
          </cell>
          <cell r="Y67">
            <v>79</v>
          </cell>
        </row>
        <row r="68">
          <cell r="D68">
            <v>73578</v>
          </cell>
          <cell r="E68">
            <v>2412</v>
          </cell>
          <cell r="F68">
            <v>2804</v>
          </cell>
          <cell r="G68">
            <v>3107</v>
          </cell>
          <cell r="H68">
            <v>3539</v>
          </cell>
          <cell r="I68">
            <v>3682</v>
          </cell>
          <cell r="J68">
            <v>3735</v>
          </cell>
          <cell r="K68">
            <v>3828</v>
          </cell>
          <cell r="L68">
            <v>3818</v>
          </cell>
          <cell r="M68">
            <v>4229</v>
          </cell>
          <cell r="N68">
            <v>5001</v>
          </cell>
          <cell r="O68">
            <v>6477</v>
          </cell>
          <cell r="P68">
            <v>6292</v>
          </cell>
          <cell r="Q68">
            <v>5159</v>
          </cell>
          <cell r="R68">
            <v>4109</v>
          </cell>
          <cell r="S68">
            <v>4072</v>
          </cell>
          <cell r="T68">
            <v>4655</v>
          </cell>
          <cell r="U68">
            <v>3442</v>
          </cell>
          <cell r="V68">
            <v>2162</v>
          </cell>
          <cell r="W68">
            <v>904</v>
          </cell>
          <cell r="X68">
            <v>141</v>
          </cell>
          <cell r="Y68">
            <v>10</v>
          </cell>
        </row>
        <row r="69">
          <cell r="D69">
            <v>77037</v>
          </cell>
          <cell r="E69">
            <v>2364</v>
          </cell>
          <cell r="F69">
            <v>2680</v>
          </cell>
          <cell r="G69">
            <v>2940</v>
          </cell>
          <cell r="H69">
            <v>3325</v>
          </cell>
          <cell r="I69">
            <v>3582</v>
          </cell>
          <cell r="J69">
            <v>3770</v>
          </cell>
          <cell r="K69">
            <v>3750</v>
          </cell>
          <cell r="L69">
            <v>3750</v>
          </cell>
          <cell r="M69">
            <v>4088</v>
          </cell>
          <cell r="N69">
            <v>4781</v>
          </cell>
          <cell r="O69">
            <v>6424</v>
          </cell>
          <cell r="P69">
            <v>6041</v>
          </cell>
          <cell r="Q69">
            <v>4979</v>
          </cell>
          <cell r="R69">
            <v>4062</v>
          </cell>
          <cell r="S69">
            <v>4438</v>
          </cell>
          <cell r="T69">
            <v>5695</v>
          </cell>
          <cell r="U69">
            <v>4736</v>
          </cell>
          <cell r="V69">
            <v>3319</v>
          </cell>
          <cell r="W69">
            <v>1762</v>
          </cell>
          <cell r="X69">
            <v>482</v>
          </cell>
          <cell r="Y69">
            <v>69</v>
          </cell>
        </row>
        <row r="70">
          <cell r="D70">
            <v>305580</v>
          </cell>
          <cell r="E70">
            <v>9329</v>
          </cell>
          <cell r="F70">
            <v>11993</v>
          </cell>
          <cell r="G70">
            <v>13951</v>
          </cell>
          <cell r="H70">
            <v>14971</v>
          </cell>
          <cell r="I70">
            <v>17356</v>
          </cell>
          <cell r="J70">
            <v>16159</v>
          </cell>
          <cell r="K70">
            <v>15219</v>
          </cell>
          <cell r="L70">
            <v>15595</v>
          </cell>
          <cell r="M70">
            <v>18487</v>
          </cell>
          <cell r="N70">
            <v>21624</v>
          </cell>
          <cell r="O70">
            <v>26180</v>
          </cell>
          <cell r="P70">
            <v>27526</v>
          </cell>
          <cell r="Q70">
            <v>23594</v>
          </cell>
          <cell r="R70">
            <v>17196</v>
          </cell>
          <cell r="S70">
            <v>14676</v>
          </cell>
          <cell r="T70">
            <v>16749</v>
          </cell>
          <cell r="U70">
            <v>11892</v>
          </cell>
          <cell r="V70">
            <v>7710</v>
          </cell>
          <cell r="W70">
            <v>3969</v>
          </cell>
          <cell r="X70">
            <v>1204</v>
          </cell>
          <cell r="Y70">
            <v>200</v>
          </cell>
        </row>
        <row r="71">
          <cell r="D71">
            <v>147354</v>
          </cell>
          <cell r="E71">
            <v>4803</v>
          </cell>
          <cell r="F71">
            <v>6177</v>
          </cell>
          <cell r="G71">
            <v>7172</v>
          </cell>
          <cell r="H71">
            <v>7668</v>
          </cell>
          <cell r="I71">
            <v>8730</v>
          </cell>
          <cell r="J71">
            <v>7692</v>
          </cell>
          <cell r="K71">
            <v>7388</v>
          </cell>
          <cell r="L71">
            <v>7622</v>
          </cell>
          <cell r="M71">
            <v>9043</v>
          </cell>
          <cell r="N71">
            <v>10453</v>
          </cell>
          <cell r="O71">
            <v>12443</v>
          </cell>
          <cell r="P71">
            <v>13294</v>
          </cell>
          <cell r="Q71">
            <v>12000</v>
          </cell>
          <cell r="R71">
            <v>8612</v>
          </cell>
          <cell r="S71">
            <v>6902</v>
          </cell>
          <cell r="T71">
            <v>7553</v>
          </cell>
          <cell r="U71">
            <v>5097</v>
          </cell>
          <cell r="V71">
            <v>3052</v>
          </cell>
          <cell r="W71">
            <v>1343</v>
          </cell>
          <cell r="X71">
            <v>284</v>
          </cell>
          <cell r="Y71">
            <v>26</v>
          </cell>
        </row>
        <row r="72">
          <cell r="D72">
            <v>158226</v>
          </cell>
          <cell r="E72">
            <v>4526</v>
          </cell>
          <cell r="F72">
            <v>5816</v>
          </cell>
          <cell r="G72">
            <v>6779</v>
          </cell>
          <cell r="H72">
            <v>7303</v>
          </cell>
          <cell r="I72">
            <v>8626</v>
          </cell>
          <cell r="J72">
            <v>8467</v>
          </cell>
          <cell r="K72">
            <v>7831</v>
          </cell>
          <cell r="L72">
            <v>7973</v>
          </cell>
          <cell r="M72">
            <v>9444</v>
          </cell>
          <cell r="N72">
            <v>11171</v>
          </cell>
          <cell r="O72">
            <v>13737</v>
          </cell>
          <cell r="P72">
            <v>14232</v>
          </cell>
          <cell r="Q72">
            <v>11594</v>
          </cell>
          <cell r="R72">
            <v>8584</v>
          </cell>
          <cell r="S72">
            <v>7774</v>
          </cell>
          <cell r="T72">
            <v>9196</v>
          </cell>
          <cell r="U72">
            <v>6795</v>
          </cell>
          <cell r="V72">
            <v>4658</v>
          </cell>
          <cell r="W72">
            <v>2626</v>
          </cell>
          <cell r="X72">
            <v>920</v>
          </cell>
          <cell r="Y72">
            <v>174</v>
          </cell>
        </row>
        <row r="73">
          <cell r="D73">
            <v>214032</v>
          </cell>
          <cell r="E73">
            <v>7399</v>
          </cell>
          <cell r="F73">
            <v>9369</v>
          </cell>
          <cell r="G73">
            <v>11215</v>
          </cell>
          <cell r="H73">
            <v>11892</v>
          </cell>
          <cell r="I73">
            <v>12083</v>
          </cell>
          <cell r="J73">
            <v>11457</v>
          </cell>
          <cell r="K73">
            <v>11483</v>
          </cell>
          <cell r="L73">
            <v>11695</v>
          </cell>
          <cell r="M73">
            <v>13900</v>
          </cell>
          <cell r="N73">
            <v>16098</v>
          </cell>
          <cell r="O73">
            <v>19587</v>
          </cell>
          <cell r="P73">
            <v>19495</v>
          </cell>
          <cell r="Q73">
            <v>15532</v>
          </cell>
          <cell r="R73">
            <v>10347</v>
          </cell>
          <cell r="S73">
            <v>8595</v>
          </cell>
          <cell r="T73">
            <v>9395</v>
          </cell>
          <cell r="U73">
            <v>6834</v>
          </cell>
          <cell r="V73">
            <v>4652</v>
          </cell>
          <cell r="W73">
            <v>2340</v>
          </cell>
          <cell r="X73">
            <v>583</v>
          </cell>
          <cell r="Y73">
            <v>81</v>
          </cell>
        </row>
        <row r="74">
          <cell r="D74">
            <v>105706</v>
          </cell>
          <cell r="E74">
            <v>3767</v>
          </cell>
          <cell r="F74">
            <v>4768</v>
          </cell>
          <cell r="G74">
            <v>5790</v>
          </cell>
          <cell r="H74">
            <v>6168</v>
          </cell>
          <cell r="I74">
            <v>6102</v>
          </cell>
          <cell r="J74">
            <v>5698</v>
          </cell>
          <cell r="K74">
            <v>5857</v>
          </cell>
          <cell r="L74">
            <v>5814</v>
          </cell>
          <cell r="M74">
            <v>6962</v>
          </cell>
          <cell r="N74">
            <v>7908</v>
          </cell>
          <cell r="O74">
            <v>9535</v>
          </cell>
          <cell r="P74">
            <v>9853</v>
          </cell>
          <cell r="Q74">
            <v>8067</v>
          </cell>
          <cell r="R74">
            <v>5383</v>
          </cell>
          <cell r="S74">
            <v>4178</v>
          </cell>
          <cell r="T74">
            <v>4380</v>
          </cell>
          <cell r="U74">
            <v>2832</v>
          </cell>
          <cell r="V74">
            <v>1741</v>
          </cell>
          <cell r="W74">
            <v>757</v>
          </cell>
          <cell r="X74">
            <v>133</v>
          </cell>
          <cell r="Y74">
            <v>13</v>
          </cell>
        </row>
        <row r="75">
          <cell r="D75">
            <v>108326</v>
          </cell>
          <cell r="E75">
            <v>3632</v>
          </cell>
          <cell r="F75">
            <v>4601</v>
          </cell>
          <cell r="G75">
            <v>5425</v>
          </cell>
          <cell r="H75">
            <v>5724</v>
          </cell>
          <cell r="I75">
            <v>5981</v>
          </cell>
          <cell r="J75">
            <v>5759</v>
          </cell>
          <cell r="K75">
            <v>5626</v>
          </cell>
          <cell r="L75">
            <v>5881</v>
          </cell>
          <cell r="M75">
            <v>6938</v>
          </cell>
          <cell r="N75">
            <v>8190</v>
          </cell>
          <cell r="O75">
            <v>10052</v>
          </cell>
          <cell r="P75">
            <v>9642</v>
          </cell>
          <cell r="Q75">
            <v>7465</v>
          </cell>
          <cell r="R75">
            <v>4964</v>
          </cell>
          <cell r="S75">
            <v>4417</v>
          </cell>
          <cell r="T75">
            <v>5015</v>
          </cell>
          <cell r="U75">
            <v>4002</v>
          </cell>
          <cell r="V75">
            <v>2911</v>
          </cell>
          <cell r="W75">
            <v>1583</v>
          </cell>
          <cell r="X75">
            <v>450</v>
          </cell>
          <cell r="Y75">
            <v>68</v>
          </cell>
        </row>
        <row r="77">
          <cell r="D77">
            <v>1542534</v>
          </cell>
          <cell r="E77">
            <v>51582</v>
          </cell>
          <cell r="F77">
            <v>58919</v>
          </cell>
          <cell r="G77">
            <v>63469</v>
          </cell>
          <cell r="H77">
            <v>64858</v>
          </cell>
          <cell r="I77">
            <v>89532</v>
          </cell>
          <cell r="J77">
            <v>124252</v>
          </cell>
          <cell r="K77">
            <v>112138</v>
          </cell>
          <cell r="L77">
            <v>102188</v>
          </cell>
          <cell r="M77">
            <v>108007</v>
          </cell>
          <cell r="N77">
            <v>115384</v>
          </cell>
          <cell r="O77">
            <v>129141</v>
          </cell>
          <cell r="P77">
            <v>115397</v>
          </cell>
          <cell r="Q77">
            <v>93092</v>
          </cell>
          <cell r="R77">
            <v>69390</v>
          </cell>
          <cell r="S77">
            <v>65244</v>
          </cell>
          <cell r="T77">
            <v>71982</v>
          </cell>
          <cell r="U77">
            <v>51010</v>
          </cell>
          <cell r="V77">
            <v>33782</v>
          </cell>
          <cell r="W77">
            <v>17449</v>
          </cell>
          <cell r="X77">
            <v>4960</v>
          </cell>
          <cell r="Y77">
            <v>758</v>
          </cell>
        </row>
        <row r="78">
          <cell r="D78">
            <v>779585</v>
          </cell>
          <cell r="E78">
            <v>26501</v>
          </cell>
          <cell r="F78">
            <v>30183</v>
          </cell>
          <cell r="G78">
            <v>32670</v>
          </cell>
          <cell r="H78">
            <v>33349</v>
          </cell>
          <cell r="I78">
            <v>46061</v>
          </cell>
          <cell r="J78">
            <v>64525</v>
          </cell>
          <cell r="K78">
            <v>58816</v>
          </cell>
          <cell r="L78">
            <v>53541</v>
          </cell>
          <cell r="M78">
            <v>56684</v>
          </cell>
          <cell r="N78">
            <v>59707</v>
          </cell>
          <cell r="O78">
            <v>66834</v>
          </cell>
          <cell r="P78">
            <v>60703</v>
          </cell>
          <cell r="Q78">
            <v>48902</v>
          </cell>
          <cell r="R78">
            <v>35674</v>
          </cell>
          <cell r="S78">
            <v>31920</v>
          </cell>
          <cell r="T78">
            <v>33221</v>
          </cell>
          <cell r="U78">
            <v>21511</v>
          </cell>
          <cell r="V78">
            <v>12449</v>
          </cell>
          <cell r="W78">
            <v>5152</v>
          </cell>
          <cell r="X78">
            <v>1073</v>
          </cell>
          <cell r="Y78">
            <v>109</v>
          </cell>
        </row>
        <row r="79">
          <cell r="D79">
            <v>762949</v>
          </cell>
          <cell r="E79">
            <v>25081</v>
          </cell>
          <cell r="F79">
            <v>28736</v>
          </cell>
          <cell r="G79">
            <v>30799</v>
          </cell>
          <cell r="H79">
            <v>31509</v>
          </cell>
          <cell r="I79">
            <v>43471</v>
          </cell>
          <cell r="J79">
            <v>59727</v>
          </cell>
          <cell r="K79">
            <v>53322</v>
          </cell>
          <cell r="L79">
            <v>48647</v>
          </cell>
          <cell r="M79">
            <v>51323</v>
          </cell>
          <cell r="N79">
            <v>55677</v>
          </cell>
          <cell r="O79">
            <v>62307</v>
          </cell>
          <cell r="P79">
            <v>54694</v>
          </cell>
          <cell r="Q79">
            <v>44190</v>
          </cell>
          <cell r="R79">
            <v>33716</v>
          </cell>
          <cell r="S79">
            <v>33324</v>
          </cell>
          <cell r="T79">
            <v>38761</v>
          </cell>
          <cell r="U79">
            <v>29499</v>
          </cell>
          <cell r="V79">
            <v>21333</v>
          </cell>
          <cell r="W79">
            <v>12297</v>
          </cell>
          <cell r="X79">
            <v>3887</v>
          </cell>
          <cell r="Y79">
            <v>649</v>
          </cell>
        </row>
        <row r="81">
          <cell r="D81">
            <v>235109</v>
          </cell>
          <cell r="E81">
            <v>6335</v>
          </cell>
          <cell r="F81">
            <v>7497</v>
          </cell>
          <cell r="G81">
            <v>8557</v>
          </cell>
          <cell r="H81">
            <v>9162</v>
          </cell>
          <cell r="I81">
            <v>14386</v>
          </cell>
          <cell r="J81">
            <v>19908</v>
          </cell>
          <cell r="K81">
            <v>17593</v>
          </cell>
          <cell r="L81">
            <v>15937</v>
          </cell>
          <cell r="M81">
            <v>16422</v>
          </cell>
          <cell r="N81">
            <v>17205</v>
          </cell>
          <cell r="O81">
            <v>19890</v>
          </cell>
          <cell r="P81">
            <v>16953</v>
          </cell>
          <cell r="Q81">
            <v>13911</v>
          </cell>
          <cell r="R81">
            <v>11168</v>
          </cell>
          <cell r="S81">
            <v>11340</v>
          </cell>
          <cell r="T81">
            <v>11846</v>
          </cell>
          <cell r="U81">
            <v>8068</v>
          </cell>
          <cell r="V81">
            <v>5306</v>
          </cell>
          <cell r="W81">
            <v>2739</v>
          </cell>
          <cell r="X81">
            <v>766</v>
          </cell>
          <cell r="Y81">
            <v>120</v>
          </cell>
        </row>
        <row r="82">
          <cell r="D82">
            <v>127372</v>
          </cell>
          <cell r="E82">
            <v>3269</v>
          </cell>
          <cell r="F82">
            <v>3923</v>
          </cell>
          <cell r="G82">
            <v>4444</v>
          </cell>
          <cell r="H82">
            <v>4736</v>
          </cell>
          <cell r="I82">
            <v>7933</v>
          </cell>
          <cell r="J82">
            <v>11449</v>
          </cell>
          <cell r="K82">
            <v>10371</v>
          </cell>
          <cell r="L82">
            <v>9205</v>
          </cell>
          <cell r="M82">
            <v>9305</v>
          </cell>
          <cell r="N82">
            <v>9651</v>
          </cell>
          <cell r="O82">
            <v>11301</v>
          </cell>
          <cell r="P82">
            <v>9591</v>
          </cell>
          <cell r="Q82">
            <v>7749</v>
          </cell>
          <cell r="R82">
            <v>6085</v>
          </cell>
          <cell r="S82">
            <v>6087</v>
          </cell>
          <cell r="T82">
            <v>5843</v>
          </cell>
          <cell r="U82">
            <v>3615</v>
          </cell>
          <cell r="V82">
            <v>1877</v>
          </cell>
          <cell r="W82">
            <v>781</v>
          </cell>
          <cell r="X82">
            <v>146</v>
          </cell>
          <cell r="Y82">
            <v>11</v>
          </cell>
        </row>
        <row r="83">
          <cell r="D83">
            <v>107737</v>
          </cell>
          <cell r="E83">
            <v>3066</v>
          </cell>
          <cell r="F83">
            <v>3574</v>
          </cell>
          <cell r="G83">
            <v>4113</v>
          </cell>
          <cell r="H83">
            <v>4426</v>
          </cell>
          <cell r="I83">
            <v>6453</v>
          </cell>
          <cell r="J83">
            <v>8459</v>
          </cell>
          <cell r="K83">
            <v>7222</v>
          </cell>
          <cell r="L83">
            <v>6732</v>
          </cell>
          <cell r="M83">
            <v>7117</v>
          </cell>
          <cell r="N83">
            <v>7554</v>
          </cell>
          <cell r="O83">
            <v>8589</v>
          </cell>
          <cell r="P83">
            <v>7362</v>
          </cell>
          <cell r="Q83">
            <v>6162</v>
          </cell>
          <cell r="R83">
            <v>5083</v>
          </cell>
          <cell r="S83">
            <v>5253</v>
          </cell>
          <cell r="T83">
            <v>6003</v>
          </cell>
          <cell r="U83">
            <v>4453</v>
          </cell>
          <cell r="V83">
            <v>3429</v>
          </cell>
          <cell r="W83">
            <v>1958</v>
          </cell>
          <cell r="X83">
            <v>620</v>
          </cell>
          <cell r="Y83">
            <v>109</v>
          </cell>
        </row>
        <row r="84">
          <cell r="D84">
            <v>176277</v>
          </cell>
          <cell r="E84">
            <v>6961</v>
          </cell>
          <cell r="F84">
            <v>7687</v>
          </cell>
          <cell r="G84">
            <v>7504</v>
          </cell>
          <cell r="H84">
            <v>7325</v>
          </cell>
          <cell r="I84">
            <v>8666</v>
          </cell>
          <cell r="J84">
            <v>12697</v>
          </cell>
          <cell r="K84">
            <v>13082</v>
          </cell>
          <cell r="L84">
            <v>12593</v>
          </cell>
          <cell r="M84">
            <v>13319</v>
          </cell>
          <cell r="N84">
            <v>13801</v>
          </cell>
          <cell r="O84">
            <v>14574</v>
          </cell>
          <cell r="P84">
            <v>12037</v>
          </cell>
          <cell r="Q84">
            <v>9274</v>
          </cell>
          <cell r="R84">
            <v>7458</v>
          </cell>
          <cell r="S84">
            <v>7748</v>
          </cell>
          <cell r="T84">
            <v>8778</v>
          </cell>
          <cell r="U84">
            <v>6074</v>
          </cell>
          <cell r="V84">
            <v>3952</v>
          </cell>
          <cell r="W84">
            <v>2093</v>
          </cell>
          <cell r="X84">
            <v>573</v>
          </cell>
          <cell r="Y84">
            <v>81</v>
          </cell>
        </row>
        <row r="85">
          <cell r="D85">
            <v>89652</v>
          </cell>
          <cell r="E85">
            <v>3594</v>
          </cell>
          <cell r="F85">
            <v>3960</v>
          </cell>
          <cell r="G85">
            <v>3847</v>
          </cell>
          <cell r="H85">
            <v>3723</v>
          </cell>
          <cell r="I85">
            <v>4510</v>
          </cell>
          <cell r="J85">
            <v>6839</v>
          </cell>
          <cell r="K85">
            <v>6964</v>
          </cell>
          <cell r="L85">
            <v>6717</v>
          </cell>
          <cell r="M85">
            <v>7099</v>
          </cell>
          <cell r="N85">
            <v>7238</v>
          </cell>
          <cell r="O85">
            <v>7755</v>
          </cell>
          <cell r="P85">
            <v>6386</v>
          </cell>
          <cell r="Q85">
            <v>4886</v>
          </cell>
          <cell r="R85">
            <v>3783</v>
          </cell>
          <cell r="S85">
            <v>3725</v>
          </cell>
          <cell r="T85">
            <v>4003</v>
          </cell>
          <cell r="U85">
            <v>2530</v>
          </cell>
          <cell r="V85">
            <v>1438</v>
          </cell>
          <cell r="W85">
            <v>546</v>
          </cell>
          <cell r="X85">
            <v>99</v>
          </cell>
          <cell r="Y85">
            <v>10</v>
          </cell>
        </row>
        <row r="86">
          <cell r="D86">
            <v>86625</v>
          </cell>
          <cell r="E86">
            <v>3367</v>
          </cell>
          <cell r="F86">
            <v>3727</v>
          </cell>
          <cell r="G86">
            <v>3657</v>
          </cell>
          <cell r="H86">
            <v>3602</v>
          </cell>
          <cell r="I86">
            <v>4156</v>
          </cell>
          <cell r="J86">
            <v>5858</v>
          </cell>
          <cell r="K86">
            <v>6118</v>
          </cell>
          <cell r="L86">
            <v>5876</v>
          </cell>
          <cell r="M86">
            <v>6220</v>
          </cell>
          <cell r="N86">
            <v>6563</v>
          </cell>
          <cell r="O86">
            <v>6819</v>
          </cell>
          <cell r="P86">
            <v>5651</v>
          </cell>
          <cell r="Q86">
            <v>4388</v>
          </cell>
          <cell r="R86">
            <v>3675</v>
          </cell>
          <cell r="S86">
            <v>4023</v>
          </cell>
          <cell r="T86">
            <v>4775</v>
          </cell>
          <cell r="U86">
            <v>3544</v>
          </cell>
          <cell r="V86">
            <v>2514</v>
          </cell>
          <cell r="W86">
            <v>1547</v>
          </cell>
          <cell r="X86">
            <v>474</v>
          </cell>
          <cell r="Y86">
            <v>71</v>
          </cell>
        </row>
        <row r="87">
          <cell r="D87">
            <v>265547</v>
          </cell>
          <cell r="E87">
            <v>9907</v>
          </cell>
          <cell r="F87">
            <v>10418</v>
          </cell>
          <cell r="G87">
            <v>10886</v>
          </cell>
          <cell r="H87">
            <v>10451</v>
          </cell>
          <cell r="I87">
            <v>15642</v>
          </cell>
          <cell r="J87">
            <v>26713</v>
          </cell>
          <cell r="K87">
            <v>23083</v>
          </cell>
          <cell r="L87">
            <v>19428</v>
          </cell>
          <cell r="M87">
            <v>20018</v>
          </cell>
          <cell r="N87">
            <v>20613</v>
          </cell>
          <cell r="O87">
            <v>22196</v>
          </cell>
          <cell r="P87">
            <v>18954</v>
          </cell>
          <cell r="Q87">
            <v>14607</v>
          </cell>
          <cell r="R87">
            <v>10414</v>
          </cell>
          <cell r="S87">
            <v>8831</v>
          </cell>
          <cell r="T87">
            <v>9338</v>
          </cell>
          <cell r="U87">
            <v>6476</v>
          </cell>
          <cell r="V87">
            <v>4324</v>
          </cell>
          <cell r="W87">
            <v>2353</v>
          </cell>
          <cell r="X87">
            <v>782</v>
          </cell>
          <cell r="Y87">
            <v>113</v>
          </cell>
        </row>
        <row r="88">
          <cell r="D88">
            <v>133672</v>
          </cell>
          <cell r="E88">
            <v>5039</v>
          </cell>
          <cell r="F88">
            <v>5341</v>
          </cell>
          <cell r="G88">
            <v>5613</v>
          </cell>
          <cell r="H88">
            <v>5400</v>
          </cell>
          <cell r="I88">
            <v>8032</v>
          </cell>
          <cell r="J88">
            <v>13772</v>
          </cell>
          <cell r="K88">
            <v>11753</v>
          </cell>
          <cell r="L88">
            <v>9837</v>
          </cell>
          <cell r="M88">
            <v>10330</v>
          </cell>
          <cell r="N88">
            <v>10492</v>
          </cell>
          <cell r="O88">
            <v>11286</v>
          </cell>
          <cell r="P88">
            <v>9954</v>
          </cell>
          <cell r="Q88">
            <v>7594</v>
          </cell>
          <cell r="R88">
            <v>5455</v>
          </cell>
          <cell r="S88">
            <v>4337</v>
          </cell>
          <cell r="T88">
            <v>4340</v>
          </cell>
          <cell r="U88">
            <v>2747</v>
          </cell>
          <cell r="V88">
            <v>1537</v>
          </cell>
          <cell r="W88">
            <v>643</v>
          </cell>
          <cell r="X88">
            <v>155</v>
          </cell>
          <cell r="Y88">
            <v>15</v>
          </cell>
        </row>
        <row r="89">
          <cell r="D89">
            <v>131875</v>
          </cell>
          <cell r="E89">
            <v>4868</v>
          </cell>
          <cell r="F89">
            <v>5077</v>
          </cell>
          <cell r="G89">
            <v>5273</v>
          </cell>
          <cell r="H89">
            <v>5051</v>
          </cell>
          <cell r="I89">
            <v>7610</v>
          </cell>
          <cell r="J89">
            <v>12941</v>
          </cell>
          <cell r="K89">
            <v>11330</v>
          </cell>
          <cell r="L89">
            <v>9591</v>
          </cell>
          <cell r="M89">
            <v>9688</v>
          </cell>
          <cell r="N89">
            <v>10121</v>
          </cell>
          <cell r="O89">
            <v>10910</v>
          </cell>
          <cell r="P89">
            <v>9000</v>
          </cell>
          <cell r="Q89">
            <v>7013</v>
          </cell>
          <cell r="R89">
            <v>4959</v>
          </cell>
          <cell r="S89">
            <v>4494</v>
          </cell>
          <cell r="T89">
            <v>4998</v>
          </cell>
          <cell r="U89">
            <v>3729</v>
          </cell>
          <cell r="V89">
            <v>2787</v>
          </cell>
          <cell r="W89">
            <v>1710</v>
          </cell>
          <cell r="X89">
            <v>627</v>
          </cell>
          <cell r="Y89">
            <v>98</v>
          </cell>
        </row>
        <row r="90">
          <cell r="D90">
            <v>232764</v>
          </cell>
          <cell r="E90">
            <v>7632</v>
          </cell>
          <cell r="F90">
            <v>8847</v>
          </cell>
          <cell r="G90">
            <v>9633</v>
          </cell>
          <cell r="H90">
            <v>10012</v>
          </cell>
          <cell r="I90">
            <v>13515</v>
          </cell>
          <cell r="J90">
            <v>19173</v>
          </cell>
          <cell r="K90">
            <v>17019</v>
          </cell>
          <cell r="L90">
            <v>15253</v>
          </cell>
          <cell r="M90">
            <v>16485</v>
          </cell>
          <cell r="N90">
            <v>17890</v>
          </cell>
          <cell r="O90">
            <v>20236</v>
          </cell>
          <cell r="P90">
            <v>17951</v>
          </cell>
          <cell r="Q90">
            <v>13939</v>
          </cell>
          <cell r="R90">
            <v>9828</v>
          </cell>
          <cell r="S90">
            <v>9513</v>
          </cell>
          <cell r="T90">
            <v>10489</v>
          </cell>
          <cell r="U90">
            <v>7418</v>
          </cell>
          <cell r="V90">
            <v>4735</v>
          </cell>
          <cell r="W90">
            <v>2429</v>
          </cell>
          <cell r="X90">
            <v>655</v>
          </cell>
          <cell r="Y90">
            <v>112</v>
          </cell>
        </row>
        <row r="91">
          <cell r="D91">
            <v>116245</v>
          </cell>
          <cell r="E91">
            <v>3903</v>
          </cell>
          <cell r="F91">
            <v>4439</v>
          </cell>
          <cell r="G91">
            <v>4925</v>
          </cell>
          <cell r="H91">
            <v>5150</v>
          </cell>
          <cell r="I91">
            <v>6897</v>
          </cell>
          <cell r="J91">
            <v>9802</v>
          </cell>
          <cell r="K91">
            <v>8805</v>
          </cell>
          <cell r="L91">
            <v>7830</v>
          </cell>
          <cell r="M91">
            <v>8504</v>
          </cell>
          <cell r="N91">
            <v>9066</v>
          </cell>
          <cell r="O91">
            <v>10347</v>
          </cell>
          <cell r="P91">
            <v>9375</v>
          </cell>
          <cell r="Q91">
            <v>7302</v>
          </cell>
          <cell r="R91">
            <v>4955</v>
          </cell>
          <cell r="S91">
            <v>4499</v>
          </cell>
          <cell r="T91">
            <v>4806</v>
          </cell>
          <cell r="U91">
            <v>3089</v>
          </cell>
          <cell r="V91">
            <v>1683</v>
          </cell>
          <cell r="W91">
            <v>705</v>
          </cell>
          <cell r="X91">
            <v>145</v>
          </cell>
          <cell r="Y91">
            <v>18</v>
          </cell>
        </row>
        <row r="92">
          <cell r="D92">
            <v>116519</v>
          </cell>
          <cell r="E92">
            <v>3729</v>
          </cell>
          <cell r="F92">
            <v>4408</v>
          </cell>
          <cell r="G92">
            <v>4708</v>
          </cell>
          <cell r="H92">
            <v>4862</v>
          </cell>
          <cell r="I92">
            <v>6618</v>
          </cell>
          <cell r="J92">
            <v>9371</v>
          </cell>
          <cell r="K92">
            <v>8214</v>
          </cell>
          <cell r="L92">
            <v>7423</v>
          </cell>
          <cell r="M92">
            <v>7981</v>
          </cell>
          <cell r="N92">
            <v>8824</v>
          </cell>
          <cell r="O92">
            <v>9889</v>
          </cell>
          <cell r="P92">
            <v>8576</v>
          </cell>
          <cell r="Q92">
            <v>6637</v>
          </cell>
          <cell r="R92">
            <v>4873</v>
          </cell>
          <cell r="S92">
            <v>5014</v>
          </cell>
          <cell r="T92">
            <v>5683</v>
          </cell>
          <cell r="U92">
            <v>4329</v>
          </cell>
          <cell r="V92">
            <v>3052</v>
          </cell>
          <cell r="W92">
            <v>1724</v>
          </cell>
          <cell r="X92">
            <v>510</v>
          </cell>
          <cell r="Y92">
            <v>94</v>
          </cell>
        </row>
        <row r="93">
          <cell r="D93">
            <v>220615</v>
          </cell>
          <cell r="E93">
            <v>7506</v>
          </cell>
          <cell r="F93">
            <v>7545</v>
          </cell>
          <cell r="G93">
            <v>7602</v>
          </cell>
          <cell r="H93">
            <v>8218</v>
          </cell>
          <cell r="I93">
            <v>14471</v>
          </cell>
          <cell r="J93">
            <v>21504</v>
          </cell>
          <cell r="K93">
            <v>18380</v>
          </cell>
          <cell r="L93">
            <v>15573</v>
          </cell>
          <cell r="M93">
            <v>14729</v>
          </cell>
          <cell r="N93">
            <v>14923</v>
          </cell>
          <cell r="O93">
            <v>16704</v>
          </cell>
          <cell r="P93">
            <v>15875</v>
          </cell>
          <cell r="Q93">
            <v>13479</v>
          </cell>
          <cell r="R93">
            <v>9941</v>
          </cell>
          <cell r="S93">
            <v>9075</v>
          </cell>
          <cell r="T93">
            <v>9870</v>
          </cell>
          <cell r="U93">
            <v>7088</v>
          </cell>
          <cell r="V93">
            <v>4832</v>
          </cell>
          <cell r="W93">
            <v>2476</v>
          </cell>
          <cell r="X93">
            <v>720</v>
          </cell>
          <cell r="Y93">
            <v>104</v>
          </cell>
        </row>
        <row r="94">
          <cell r="D94">
            <v>112022</v>
          </cell>
          <cell r="E94">
            <v>3833</v>
          </cell>
          <cell r="F94">
            <v>3848</v>
          </cell>
          <cell r="G94">
            <v>3915</v>
          </cell>
          <cell r="H94">
            <v>4278</v>
          </cell>
          <cell r="I94">
            <v>7545</v>
          </cell>
          <cell r="J94">
            <v>10959</v>
          </cell>
          <cell r="K94">
            <v>9637</v>
          </cell>
          <cell r="L94">
            <v>8289</v>
          </cell>
          <cell r="M94">
            <v>7870</v>
          </cell>
          <cell r="N94">
            <v>7924</v>
          </cell>
          <cell r="O94">
            <v>8673</v>
          </cell>
          <cell r="P94">
            <v>8376</v>
          </cell>
          <cell r="Q94">
            <v>7125</v>
          </cell>
          <cell r="R94">
            <v>5130</v>
          </cell>
          <cell r="S94">
            <v>4428</v>
          </cell>
          <cell r="T94">
            <v>4554</v>
          </cell>
          <cell r="U94">
            <v>2931</v>
          </cell>
          <cell r="V94">
            <v>1734</v>
          </cell>
          <cell r="W94">
            <v>778</v>
          </cell>
          <cell r="X94">
            <v>178</v>
          </cell>
          <cell r="Y94">
            <v>17</v>
          </cell>
        </row>
        <row r="95">
          <cell r="D95">
            <v>108593</v>
          </cell>
          <cell r="E95">
            <v>3673</v>
          </cell>
          <cell r="F95">
            <v>3697</v>
          </cell>
          <cell r="G95">
            <v>3687</v>
          </cell>
          <cell r="H95">
            <v>3940</v>
          </cell>
          <cell r="I95">
            <v>6926</v>
          </cell>
          <cell r="J95">
            <v>10545</v>
          </cell>
          <cell r="K95">
            <v>8743</v>
          </cell>
          <cell r="L95">
            <v>7284</v>
          </cell>
          <cell r="M95">
            <v>6859</v>
          </cell>
          <cell r="N95">
            <v>6999</v>
          </cell>
          <cell r="O95">
            <v>8031</v>
          </cell>
          <cell r="P95">
            <v>7499</v>
          </cell>
          <cell r="Q95">
            <v>6354</v>
          </cell>
          <cell r="R95">
            <v>4811</v>
          </cell>
          <cell r="S95">
            <v>4647</v>
          </cell>
          <cell r="T95">
            <v>5316</v>
          </cell>
          <cell r="U95">
            <v>4157</v>
          </cell>
          <cell r="V95">
            <v>3098</v>
          </cell>
          <cell r="W95">
            <v>1698</v>
          </cell>
          <cell r="X95">
            <v>542</v>
          </cell>
          <cell r="Y95">
            <v>87</v>
          </cell>
        </row>
        <row r="96">
          <cell r="D96">
            <v>234512</v>
          </cell>
          <cell r="E96">
            <v>7988</v>
          </cell>
          <cell r="F96">
            <v>9987</v>
          </cell>
          <cell r="G96">
            <v>11196</v>
          </cell>
          <cell r="H96">
            <v>11111</v>
          </cell>
          <cell r="I96">
            <v>12582</v>
          </cell>
          <cell r="J96">
            <v>13959</v>
          </cell>
          <cell r="K96">
            <v>13571</v>
          </cell>
          <cell r="L96">
            <v>13884</v>
          </cell>
          <cell r="M96">
            <v>15984</v>
          </cell>
          <cell r="N96">
            <v>18076</v>
          </cell>
          <cell r="O96">
            <v>20329</v>
          </cell>
          <cell r="P96">
            <v>19258</v>
          </cell>
          <cell r="Q96">
            <v>15848</v>
          </cell>
          <cell r="R96">
            <v>11191</v>
          </cell>
          <cell r="S96">
            <v>10251</v>
          </cell>
          <cell r="T96">
            <v>11597</v>
          </cell>
          <cell r="U96">
            <v>8587</v>
          </cell>
          <cell r="V96">
            <v>5638</v>
          </cell>
          <cell r="W96">
            <v>2676</v>
          </cell>
          <cell r="X96">
            <v>699</v>
          </cell>
          <cell r="Y96">
            <v>100</v>
          </cell>
        </row>
        <row r="97">
          <cell r="D97">
            <v>114525</v>
          </cell>
          <cell r="E97">
            <v>4080</v>
          </cell>
          <cell r="F97">
            <v>5135</v>
          </cell>
          <cell r="G97">
            <v>5726</v>
          </cell>
          <cell r="H97">
            <v>5727</v>
          </cell>
          <cell r="I97">
            <v>6173</v>
          </cell>
          <cell r="J97">
            <v>6788</v>
          </cell>
          <cell r="K97">
            <v>6624</v>
          </cell>
          <cell r="L97">
            <v>6926</v>
          </cell>
          <cell r="M97">
            <v>8008</v>
          </cell>
          <cell r="N97">
            <v>8966</v>
          </cell>
          <cell r="O97">
            <v>10042</v>
          </cell>
          <cell r="P97">
            <v>9818</v>
          </cell>
          <cell r="Q97">
            <v>8106</v>
          </cell>
          <cell r="R97">
            <v>5609</v>
          </cell>
          <cell r="S97">
            <v>4890</v>
          </cell>
          <cell r="T97">
            <v>5184</v>
          </cell>
          <cell r="U97">
            <v>3524</v>
          </cell>
          <cell r="V97">
            <v>2173</v>
          </cell>
          <cell r="W97">
            <v>839</v>
          </cell>
          <cell r="X97">
            <v>171</v>
          </cell>
          <cell r="Y97">
            <v>16</v>
          </cell>
        </row>
        <row r="98">
          <cell r="D98">
            <v>119987</v>
          </cell>
          <cell r="E98">
            <v>3908</v>
          </cell>
          <cell r="F98">
            <v>4852</v>
          </cell>
          <cell r="G98">
            <v>5470</v>
          </cell>
          <cell r="H98">
            <v>5384</v>
          </cell>
          <cell r="I98">
            <v>6409</v>
          </cell>
          <cell r="J98">
            <v>7171</v>
          </cell>
          <cell r="K98">
            <v>6947</v>
          </cell>
          <cell r="L98">
            <v>6958</v>
          </cell>
          <cell r="M98">
            <v>7976</v>
          </cell>
          <cell r="N98">
            <v>9110</v>
          </cell>
          <cell r="O98">
            <v>10287</v>
          </cell>
          <cell r="P98">
            <v>9440</v>
          </cell>
          <cell r="Q98">
            <v>7742</v>
          </cell>
          <cell r="R98">
            <v>5582</v>
          </cell>
          <cell r="S98">
            <v>5361</v>
          </cell>
          <cell r="T98">
            <v>6413</v>
          </cell>
          <cell r="U98">
            <v>5063</v>
          </cell>
          <cell r="V98">
            <v>3465</v>
          </cell>
          <cell r="W98">
            <v>1837</v>
          </cell>
          <cell r="X98">
            <v>528</v>
          </cell>
          <cell r="Y98">
            <v>84</v>
          </cell>
        </row>
        <row r="99">
          <cell r="D99">
            <v>177710</v>
          </cell>
          <cell r="E99">
            <v>5253</v>
          </cell>
          <cell r="F99">
            <v>6938</v>
          </cell>
          <cell r="G99">
            <v>8091</v>
          </cell>
          <cell r="H99">
            <v>8579</v>
          </cell>
          <cell r="I99">
            <v>10270</v>
          </cell>
          <cell r="J99">
            <v>10298</v>
          </cell>
          <cell r="K99">
            <v>9410</v>
          </cell>
          <cell r="L99">
            <v>9520</v>
          </cell>
          <cell r="M99">
            <v>11050</v>
          </cell>
          <cell r="N99">
            <v>12876</v>
          </cell>
          <cell r="O99">
            <v>15212</v>
          </cell>
          <cell r="P99">
            <v>14369</v>
          </cell>
          <cell r="Q99">
            <v>12034</v>
          </cell>
          <cell r="R99">
            <v>9390</v>
          </cell>
          <cell r="S99">
            <v>8486</v>
          </cell>
          <cell r="T99">
            <v>10064</v>
          </cell>
          <cell r="U99">
            <v>7299</v>
          </cell>
          <cell r="V99">
            <v>4995</v>
          </cell>
          <cell r="W99">
            <v>2683</v>
          </cell>
          <cell r="X99">
            <v>765</v>
          </cell>
          <cell r="Y99">
            <v>128</v>
          </cell>
        </row>
        <row r="100">
          <cell r="D100">
            <v>86097</v>
          </cell>
          <cell r="E100">
            <v>2783</v>
          </cell>
          <cell r="F100">
            <v>3537</v>
          </cell>
          <cell r="G100">
            <v>4200</v>
          </cell>
          <cell r="H100">
            <v>4335</v>
          </cell>
          <cell r="I100">
            <v>4971</v>
          </cell>
          <cell r="J100">
            <v>4916</v>
          </cell>
          <cell r="K100">
            <v>4662</v>
          </cell>
          <cell r="L100">
            <v>4737</v>
          </cell>
          <cell r="M100">
            <v>5568</v>
          </cell>
          <cell r="N100">
            <v>6370</v>
          </cell>
          <cell r="O100">
            <v>7430</v>
          </cell>
          <cell r="P100">
            <v>7203</v>
          </cell>
          <cell r="Q100">
            <v>6140</v>
          </cell>
          <cell r="R100">
            <v>4657</v>
          </cell>
          <cell r="S100">
            <v>3954</v>
          </cell>
          <cell r="T100">
            <v>4491</v>
          </cell>
          <cell r="U100">
            <v>3075</v>
          </cell>
          <cell r="V100">
            <v>2007</v>
          </cell>
          <cell r="W100">
            <v>860</v>
          </cell>
          <cell r="X100">
            <v>179</v>
          </cell>
          <cell r="Y100">
            <v>22</v>
          </cell>
        </row>
        <row r="101">
          <cell r="D101">
            <v>91613</v>
          </cell>
          <cell r="E101">
            <v>2470</v>
          </cell>
          <cell r="F101">
            <v>3401</v>
          </cell>
          <cell r="G101">
            <v>3891</v>
          </cell>
          <cell r="H101">
            <v>4244</v>
          </cell>
          <cell r="I101">
            <v>5299</v>
          </cell>
          <cell r="J101">
            <v>5382</v>
          </cell>
          <cell r="K101">
            <v>4748</v>
          </cell>
          <cell r="L101">
            <v>4783</v>
          </cell>
          <cell r="M101">
            <v>5482</v>
          </cell>
          <cell r="N101">
            <v>6506</v>
          </cell>
          <cell r="O101">
            <v>7782</v>
          </cell>
          <cell r="P101">
            <v>7166</v>
          </cell>
          <cell r="Q101">
            <v>5894</v>
          </cell>
          <cell r="R101">
            <v>4733</v>
          </cell>
          <cell r="S101">
            <v>4532</v>
          </cell>
          <cell r="T101">
            <v>5573</v>
          </cell>
          <cell r="U101">
            <v>4224</v>
          </cell>
          <cell r="V101">
            <v>2988</v>
          </cell>
          <cell r="W101">
            <v>1823</v>
          </cell>
          <cell r="X101">
            <v>586</v>
          </cell>
          <cell r="Y101">
            <v>106</v>
          </cell>
        </row>
        <row r="103">
          <cell r="D103">
            <v>714436</v>
          </cell>
          <cell r="E103">
            <v>20449</v>
          </cell>
          <cell r="F103">
            <v>25298</v>
          </cell>
          <cell r="G103">
            <v>28717</v>
          </cell>
          <cell r="H103">
            <v>31567</v>
          </cell>
          <cell r="I103">
            <v>37780</v>
          </cell>
          <cell r="J103">
            <v>40064</v>
          </cell>
          <cell r="K103">
            <v>39815</v>
          </cell>
          <cell r="L103">
            <v>39877</v>
          </cell>
          <cell r="M103">
            <v>44288</v>
          </cell>
          <cell r="N103">
            <v>50497</v>
          </cell>
          <cell r="O103">
            <v>61308</v>
          </cell>
          <cell r="P103">
            <v>56201</v>
          </cell>
          <cell r="Q103">
            <v>46722</v>
          </cell>
          <cell r="R103">
            <v>37283</v>
          </cell>
          <cell r="S103">
            <v>39477</v>
          </cell>
          <cell r="T103">
            <v>46251</v>
          </cell>
          <cell r="U103">
            <v>34968</v>
          </cell>
          <cell r="V103">
            <v>21777</v>
          </cell>
          <cell r="W103">
            <v>9302</v>
          </cell>
          <cell r="X103">
            <v>2443</v>
          </cell>
          <cell r="Y103">
            <v>352</v>
          </cell>
        </row>
        <row r="104">
          <cell r="D104">
            <v>357486</v>
          </cell>
          <cell r="E104">
            <v>10617</v>
          </cell>
          <cell r="F104">
            <v>12781</v>
          </cell>
          <cell r="G104">
            <v>14827</v>
          </cell>
          <cell r="H104">
            <v>16046</v>
          </cell>
          <cell r="I104">
            <v>19122</v>
          </cell>
          <cell r="J104">
            <v>20606</v>
          </cell>
          <cell r="K104">
            <v>20861</v>
          </cell>
          <cell r="L104">
            <v>21133</v>
          </cell>
          <cell r="M104">
            <v>23305</v>
          </cell>
          <cell r="N104">
            <v>26530</v>
          </cell>
          <cell r="O104">
            <v>31939</v>
          </cell>
          <cell r="P104">
            <v>29386</v>
          </cell>
          <cell r="Q104">
            <v>24298</v>
          </cell>
          <cell r="R104">
            <v>18818</v>
          </cell>
          <cell r="S104">
            <v>18981</v>
          </cell>
          <cell r="T104">
            <v>20694</v>
          </cell>
          <cell r="U104">
            <v>14933</v>
          </cell>
          <cell r="V104">
            <v>8952</v>
          </cell>
          <cell r="W104">
            <v>3024</v>
          </cell>
          <cell r="X104">
            <v>578</v>
          </cell>
          <cell r="Y104">
            <v>55</v>
          </cell>
        </row>
        <row r="105">
          <cell r="D105">
            <v>356950</v>
          </cell>
          <cell r="E105">
            <v>9832</v>
          </cell>
          <cell r="F105">
            <v>12517</v>
          </cell>
          <cell r="G105">
            <v>13890</v>
          </cell>
          <cell r="H105">
            <v>15521</v>
          </cell>
          <cell r="I105">
            <v>18658</v>
          </cell>
          <cell r="J105">
            <v>19458</v>
          </cell>
          <cell r="K105">
            <v>18954</v>
          </cell>
          <cell r="L105">
            <v>18744</v>
          </cell>
          <cell r="M105">
            <v>20983</v>
          </cell>
          <cell r="N105">
            <v>23967</v>
          </cell>
          <cell r="O105">
            <v>29369</v>
          </cell>
          <cell r="P105">
            <v>26815</v>
          </cell>
          <cell r="Q105">
            <v>22424</v>
          </cell>
          <cell r="R105">
            <v>18465</v>
          </cell>
          <cell r="S105">
            <v>20496</v>
          </cell>
          <cell r="T105">
            <v>25557</v>
          </cell>
          <cell r="U105">
            <v>20035</v>
          </cell>
          <cell r="V105">
            <v>12825</v>
          </cell>
          <cell r="W105">
            <v>6278</v>
          </cell>
          <cell r="X105">
            <v>1865</v>
          </cell>
          <cell r="Y105">
            <v>297</v>
          </cell>
        </row>
        <row r="107">
          <cell r="D107">
            <v>165183</v>
          </cell>
          <cell r="E107">
            <v>4308</v>
          </cell>
          <cell r="F107">
            <v>5465</v>
          </cell>
          <cell r="G107">
            <v>6530</v>
          </cell>
          <cell r="H107">
            <v>7410</v>
          </cell>
          <cell r="I107">
            <v>8741</v>
          </cell>
          <cell r="J107">
            <v>8539</v>
          </cell>
          <cell r="K107">
            <v>8257</v>
          </cell>
          <cell r="L107">
            <v>8537</v>
          </cell>
          <cell r="M107">
            <v>9829</v>
          </cell>
          <cell r="N107">
            <v>11551</v>
          </cell>
          <cell r="O107">
            <v>14189</v>
          </cell>
          <cell r="P107">
            <v>12349</v>
          </cell>
          <cell r="Q107">
            <v>10659</v>
          </cell>
          <cell r="R107">
            <v>9128</v>
          </cell>
          <cell r="S107">
            <v>10612</v>
          </cell>
          <cell r="T107">
            <v>12745</v>
          </cell>
          <cell r="U107">
            <v>8754</v>
          </cell>
          <cell r="V107">
            <v>4818</v>
          </cell>
          <cell r="W107">
            <v>2066</v>
          </cell>
          <cell r="X107">
            <v>606</v>
          </cell>
          <cell r="Y107">
            <v>90</v>
          </cell>
        </row>
        <row r="108">
          <cell r="D108">
            <v>83039</v>
          </cell>
          <cell r="E108">
            <v>2256</v>
          </cell>
          <cell r="F108">
            <v>2751</v>
          </cell>
          <cell r="G108">
            <v>3309</v>
          </cell>
          <cell r="H108">
            <v>3706</v>
          </cell>
          <cell r="I108">
            <v>4436</v>
          </cell>
          <cell r="J108">
            <v>4510</v>
          </cell>
          <cell r="K108">
            <v>4415</v>
          </cell>
          <cell r="L108">
            <v>4630</v>
          </cell>
          <cell r="M108">
            <v>5219</v>
          </cell>
          <cell r="N108">
            <v>6015</v>
          </cell>
          <cell r="O108">
            <v>7447</v>
          </cell>
          <cell r="P108">
            <v>6463</v>
          </cell>
          <cell r="Q108">
            <v>5517</v>
          </cell>
          <cell r="R108">
            <v>4575</v>
          </cell>
          <cell r="S108">
            <v>5045</v>
          </cell>
          <cell r="T108">
            <v>5843</v>
          </cell>
          <cell r="U108">
            <v>4044</v>
          </cell>
          <cell r="V108">
            <v>2049</v>
          </cell>
          <cell r="W108">
            <v>652</v>
          </cell>
          <cell r="X108">
            <v>146</v>
          </cell>
          <cell r="Y108">
            <v>11</v>
          </cell>
        </row>
        <row r="109">
          <cell r="D109">
            <v>82144</v>
          </cell>
          <cell r="E109">
            <v>2052</v>
          </cell>
          <cell r="F109">
            <v>2714</v>
          </cell>
          <cell r="G109">
            <v>3221</v>
          </cell>
          <cell r="H109">
            <v>3704</v>
          </cell>
          <cell r="I109">
            <v>4305</v>
          </cell>
          <cell r="J109">
            <v>4029</v>
          </cell>
          <cell r="K109">
            <v>3842</v>
          </cell>
          <cell r="L109">
            <v>3907</v>
          </cell>
          <cell r="M109">
            <v>4610</v>
          </cell>
          <cell r="N109">
            <v>5536</v>
          </cell>
          <cell r="O109">
            <v>6742</v>
          </cell>
          <cell r="P109">
            <v>5886</v>
          </cell>
          <cell r="Q109">
            <v>5142</v>
          </cell>
          <cell r="R109">
            <v>4553</v>
          </cell>
          <cell r="S109">
            <v>5567</v>
          </cell>
          <cell r="T109">
            <v>6902</v>
          </cell>
          <cell r="U109">
            <v>4710</v>
          </cell>
          <cell r="V109">
            <v>2769</v>
          </cell>
          <cell r="W109">
            <v>1414</v>
          </cell>
          <cell r="X109">
            <v>460</v>
          </cell>
          <cell r="Y109">
            <v>79</v>
          </cell>
        </row>
        <row r="110">
          <cell r="D110">
            <v>270572</v>
          </cell>
          <cell r="E110">
            <v>7726</v>
          </cell>
          <cell r="F110">
            <v>9842</v>
          </cell>
          <cell r="G110">
            <v>11400</v>
          </cell>
          <cell r="H110">
            <v>12270</v>
          </cell>
          <cell r="I110">
            <v>14482</v>
          </cell>
          <cell r="J110">
            <v>14889</v>
          </cell>
          <cell r="K110">
            <v>14989</v>
          </cell>
          <cell r="L110">
            <v>15155</v>
          </cell>
          <cell r="M110">
            <v>16851</v>
          </cell>
          <cell r="N110">
            <v>19248</v>
          </cell>
          <cell r="O110">
            <v>23769</v>
          </cell>
          <cell r="P110">
            <v>21769</v>
          </cell>
          <cell r="Q110">
            <v>17912</v>
          </cell>
          <cell r="R110">
            <v>13957</v>
          </cell>
          <cell r="S110">
            <v>14506</v>
          </cell>
          <cell r="T110">
            <v>16773</v>
          </cell>
          <cell r="U110">
            <v>13013</v>
          </cell>
          <cell r="V110">
            <v>7912</v>
          </cell>
          <cell r="W110">
            <v>3188</v>
          </cell>
          <cell r="X110">
            <v>803</v>
          </cell>
          <cell r="Y110">
            <v>118</v>
          </cell>
        </row>
        <row r="111">
          <cell r="D111">
            <v>136250</v>
          </cell>
          <cell r="E111">
            <v>4023</v>
          </cell>
          <cell r="F111">
            <v>5014</v>
          </cell>
          <cell r="G111">
            <v>5929</v>
          </cell>
          <cell r="H111">
            <v>6295</v>
          </cell>
          <cell r="I111">
            <v>7412</v>
          </cell>
          <cell r="J111">
            <v>7688</v>
          </cell>
          <cell r="K111">
            <v>7922</v>
          </cell>
          <cell r="L111">
            <v>8026</v>
          </cell>
          <cell r="M111">
            <v>8851</v>
          </cell>
          <cell r="N111">
            <v>10150</v>
          </cell>
          <cell r="O111">
            <v>12486</v>
          </cell>
          <cell r="P111">
            <v>11444</v>
          </cell>
          <cell r="Q111">
            <v>9396</v>
          </cell>
          <cell r="R111">
            <v>7097</v>
          </cell>
          <cell r="S111">
            <v>7101</v>
          </cell>
          <cell r="T111">
            <v>7409</v>
          </cell>
          <cell r="U111">
            <v>5528</v>
          </cell>
          <cell r="V111">
            <v>3300</v>
          </cell>
          <cell r="W111">
            <v>987</v>
          </cell>
          <cell r="X111">
            <v>173</v>
          </cell>
          <cell r="Y111">
            <v>19</v>
          </cell>
        </row>
        <row r="112">
          <cell r="D112">
            <v>134322</v>
          </cell>
          <cell r="E112">
            <v>3703</v>
          </cell>
          <cell r="F112">
            <v>4828</v>
          </cell>
          <cell r="G112">
            <v>5471</v>
          </cell>
          <cell r="H112">
            <v>5975</v>
          </cell>
          <cell r="I112">
            <v>7070</v>
          </cell>
          <cell r="J112">
            <v>7201</v>
          </cell>
          <cell r="K112">
            <v>7067</v>
          </cell>
          <cell r="L112">
            <v>7129</v>
          </cell>
          <cell r="M112">
            <v>8000</v>
          </cell>
          <cell r="N112">
            <v>9098</v>
          </cell>
          <cell r="O112">
            <v>11283</v>
          </cell>
          <cell r="P112">
            <v>10325</v>
          </cell>
          <cell r="Q112">
            <v>8516</v>
          </cell>
          <cell r="R112">
            <v>6860</v>
          </cell>
          <cell r="S112">
            <v>7405</v>
          </cell>
          <cell r="T112">
            <v>9364</v>
          </cell>
          <cell r="U112">
            <v>7485</v>
          </cell>
          <cell r="V112">
            <v>4612</v>
          </cell>
          <cell r="W112">
            <v>2201</v>
          </cell>
          <cell r="X112">
            <v>630</v>
          </cell>
          <cell r="Y112">
            <v>99</v>
          </cell>
        </row>
        <row r="113">
          <cell r="D113">
            <v>278681</v>
          </cell>
          <cell r="E113">
            <v>8415</v>
          </cell>
          <cell r="F113">
            <v>9991</v>
          </cell>
          <cell r="G113">
            <v>10787</v>
          </cell>
          <cell r="H113">
            <v>11887</v>
          </cell>
          <cell r="I113">
            <v>14557</v>
          </cell>
          <cell r="J113">
            <v>16636</v>
          </cell>
          <cell r="K113">
            <v>16569</v>
          </cell>
          <cell r="L113">
            <v>16185</v>
          </cell>
          <cell r="M113">
            <v>17608</v>
          </cell>
          <cell r="N113">
            <v>19698</v>
          </cell>
          <cell r="O113">
            <v>23350</v>
          </cell>
          <cell r="P113">
            <v>22083</v>
          </cell>
          <cell r="Q113">
            <v>18151</v>
          </cell>
          <cell r="R113">
            <v>14198</v>
          </cell>
          <cell r="S113">
            <v>14359</v>
          </cell>
          <cell r="T113">
            <v>16733</v>
          </cell>
          <cell r="U113">
            <v>13201</v>
          </cell>
          <cell r="V113">
            <v>9047</v>
          </cell>
          <cell r="W113">
            <v>4048</v>
          </cell>
          <cell r="X113">
            <v>1034</v>
          </cell>
          <cell r="Y113">
            <v>144</v>
          </cell>
        </row>
        <row r="114">
          <cell r="D114">
            <v>138197</v>
          </cell>
          <cell r="E114">
            <v>4338</v>
          </cell>
          <cell r="F114">
            <v>5016</v>
          </cell>
          <cell r="G114">
            <v>5589</v>
          </cell>
          <cell r="H114">
            <v>6045</v>
          </cell>
          <cell r="I114">
            <v>7274</v>
          </cell>
          <cell r="J114">
            <v>8408</v>
          </cell>
          <cell r="K114">
            <v>8524</v>
          </cell>
          <cell r="L114">
            <v>8477</v>
          </cell>
          <cell r="M114">
            <v>9235</v>
          </cell>
          <cell r="N114">
            <v>10365</v>
          </cell>
          <cell r="O114">
            <v>12006</v>
          </cell>
          <cell r="P114">
            <v>11479</v>
          </cell>
          <cell r="Q114">
            <v>9385</v>
          </cell>
          <cell r="R114">
            <v>7146</v>
          </cell>
          <cell r="S114">
            <v>6835</v>
          </cell>
          <cell r="T114">
            <v>7442</v>
          </cell>
          <cell r="U114">
            <v>5361</v>
          </cell>
          <cell r="V114">
            <v>3603</v>
          </cell>
          <cell r="W114">
            <v>1385</v>
          </cell>
          <cell r="X114">
            <v>259</v>
          </cell>
          <cell r="Y114">
            <v>25</v>
          </cell>
        </row>
        <row r="115">
          <cell r="D115">
            <v>140484</v>
          </cell>
          <cell r="E115">
            <v>4077</v>
          </cell>
          <cell r="F115">
            <v>4975</v>
          </cell>
          <cell r="G115">
            <v>5198</v>
          </cell>
          <cell r="H115">
            <v>5842</v>
          </cell>
          <cell r="I115">
            <v>7283</v>
          </cell>
          <cell r="J115">
            <v>8228</v>
          </cell>
          <cell r="K115">
            <v>8045</v>
          </cell>
          <cell r="L115">
            <v>7708</v>
          </cell>
          <cell r="M115">
            <v>8373</v>
          </cell>
          <cell r="N115">
            <v>9333</v>
          </cell>
          <cell r="O115">
            <v>11344</v>
          </cell>
          <cell r="P115">
            <v>10604</v>
          </cell>
          <cell r="Q115">
            <v>8766</v>
          </cell>
          <cell r="R115">
            <v>7052</v>
          </cell>
          <cell r="S115">
            <v>7524</v>
          </cell>
          <cell r="T115">
            <v>9291</v>
          </cell>
          <cell r="U115">
            <v>7840</v>
          </cell>
          <cell r="V115">
            <v>5444</v>
          </cell>
          <cell r="W115">
            <v>2663</v>
          </cell>
          <cell r="X115">
            <v>775</v>
          </cell>
          <cell r="Y115">
            <v>119</v>
          </cell>
        </row>
        <row r="117">
          <cell r="D117">
            <v>374851</v>
          </cell>
          <cell r="E117">
            <v>8661</v>
          </cell>
          <cell r="F117">
            <v>11969</v>
          </cell>
          <cell r="G117">
            <v>14275</v>
          </cell>
          <cell r="H117">
            <v>17724</v>
          </cell>
          <cell r="I117">
            <v>19613</v>
          </cell>
          <cell r="J117">
            <v>16742</v>
          </cell>
          <cell r="K117">
            <v>15832</v>
          </cell>
          <cell r="L117">
            <v>17219</v>
          </cell>
          <cell r="M117">
            <v>20132</v>
          </cell>
          <cell r="N117">
            <v>24180</v>
          </cell>
          <cell r="O117">
            <v>31267</v>
          </cell>
          <cell r="P117">
            <v>28668</v>
          </cell>
          <cell r="Q117">
            <v>25046</v>
          </cell>
          <cell r="R117">
            <v>22268</v>
          </cell>
          <cell r="S117">
            <v>24235</v>
          </cell>
          <cell r="T117">
            <v>30051</v>
          </cell>
          <cell r="U117">
            <v>22883</v>
          </cell>
          <cell r="V117">
            <v>14606</v>
          </cell>
          <cell r="W117">
            <v>7294</v>
          </cell>
          <cell r="X117">
            <v>1912</v>
          </cell>
          <cell r="Y117">
            <v>274</v>
          </cell>
        </row>
        <row r="118">
          <cell r="D118">
            <v>186319</v>
          </cell>
          <cell r="E118">
            <v>4337</v>
          </cell>
          <cell r="F118">
            <v>6234</v>
          </cell>
          <cell r="G118">
            <v>7221</v>
          </cell>
          <cell r="H118">
            <v>9786</v>
          </cell>
          <cell r="I118">
            <v>11044</v>
          </cell>
          <cell r="J118">
            <v>9129</v>
          </cell>
          <cell r="K118">
            <v>8590</v>
          </cell>
          <cell r="L118">
            <v>9071</v>
          </cell>
          <cell r="M118">
            <v>10417</v>
          </cell>
          <cell r="N118">
            <v>12435</v>
          </cell>
          <cell r="O118">
            <v>16044</v>
          </cell>
          <cell r="P118">
            <v>14726</v>
          </cell>
          <cell r="Q118">
            <v>12746</v>
          </cell>
          <cell r="R118">
            <v>11151</v>
          </cell>
          <cell r="S118">
            <v>11629</v>
          </cell>
          <cell r="T118">
            <v>13573</v>
          </cell>
          <cell r="U118">
            <v>9734</v>
          </cell>
          <cell r="V118">
            <v>5702</v>
          </cell>
          <cell r="W118">
            <v>2307</v>
          </cell>
          <cell r="X118">
            <v>414</v>
          </cell>
          <cell r="Y118">
            <v>29</v>
          </cell>
        </row>
        <row r="119">
          <cell r="D119">
            <v>188532</v>
          </cell>
          <cell r="E119">
            <v>4324</v>
          </cell>
          <cell r="F119">
            <v>5735</v>
          </cell>
          <cell r="G119">
            <v>7054</v>
          </cell>
          <cell r="H119">
            <v>7938</v>
          </cell>
          <cell r="I119">
            <v>8569</v>
          </cell>
          <cell r="J119">
            <v>7613</v>
          </cell>
          <cell r="K119">
            <v>7242</v>
          </cell>
          <cell r="L119">
            <v>8148</v>
          </cell>
          <cell r="M119">
            <v>9715</v>
          </cell>
          <cell r="N119">
            <v>11745</v>
          </cell>
          <cell r="O119">
            <v>15223</v>
          </cell>
          <cell r="P119">
            <v>13942</v>
          </cell>
          <cell r="Q119">
            <v>12300</v>
          </cell>
          <cell r="R119">
            <v>11117</v>
          </cell>
          <cell r="S119">
            <v>12606</v>
          </cell>
          <cell r="T119">
            <v>16478</v>
          </cell>
          <cell r="U119">
            <v>13149</v>
          </cell>
          <cell r="V119">
            <v>8904</v>
          </cell>
          <cell r="W119">
            <v>4987</v>
          </cell>
          <cell r="X119">
            <v>1498</v>
          </cell>
          <cell r="Y119">
            <v>245</v>
          </cell>
        </row>
        <row r="120">
          <cell r="D120">
            <v>255967</v>
          </cell>
          <cell r="E120">
            <v>7202</v>
          </cell>
          <cell r="F120">
            <v>9129</v>
          </cell>
          <cell r="G120">
            <v>10206</v>
          </cell>
          <cell r="H120">
            <v>11459</v>
          </cell>
          <cell r="I120">
            <v>13037</v>
          </cell>
          <cell r="J120">
            <v>13234</v>
          </cell>
          <cell r="K120">
            <v>12606</v>
          </cell>
          <cell r="L120">
            <v>13167</v>
          </cell>
          <cell r="M120">
            <v>15238</v>
          </cell>
          <cell r="N120">
            <v>17812</v>
          </cell>
          <cell r="O120">
            <v>21499</v>
          </cell>
          <cell r="P120">
            <v>19846</v>
          </cell>
          <cell r="Q120">
            <v>16841</v>
          </cell>
          <cell r="R120">
            <v>14542</v>
          </cell>
          <cell r="S120">
            <v>15642</v>
          </cell>
          <cell r="T120">
            <v>18243</v>
          </cell>
          <cell r="U120">
            <v>13072</v>
          </cell>
          <cell r="V120">
            <v>8074</v>
          </cell>
          <cell r="W120">
            <v>3855</v>
          </cell>
          <cell r="X120">
            <v>1083</v>
          </cell>
          <cell r="Y120">
            <v>180</v>
          </cell>
        </row>
        <row r="121">
          <cell r="D121">
            <v>127690</v>
          </cell>
          <cell r="E121">
            <v>3661</v>
          </cell>
          <cell r="F121">
            <v>4644</v>
          </cell>
          <cell r="G121">
            <v>5243</v>
          </cell>
          <cell r="H121">
            <v>5859</v>
          </cell>
          <cell r="I121">
            <v>6850</v>
          </cell>
          <cell r="J121">
            <v>7021</v>
          </cell>
          <cell r="K121">
            <v>6660</v>
          </cell>
          <cell r="L121">
            <v>6962</v>
          </cell>
          <cell r="M121">
            <v>7842</v>
          </cell>
          <cell r="N121">
            <v>9232</v>
          </cell>
          <cell r="O121">
            <v>11033</v>
          </cell>
          <cell r="P121">
            <v>10373</v>
          </cell>
          <cell r="Q121">
            <v>8722</v>
          </cell>
          <cell r="R121">
            <v>7356</v>
          </cell>
          <cell r="S121">
            <v>7526</v>
          </cell>
          <cell r="T121">
            <v>8444</v>
          </cell>
          <cell r="U121">
            <v>5665</v>
          </cell>
          <cell r="V121">
            <v>3193</v>
          </cell>
          <cell r="W121">
            <v>1145</v>
          </cell>
          <cell r="X121">
            <v>236</v>
          </cell>
          <cell r="Y121">
            <v>23</v>
          </cell>
        </row>
        <row r="122">
          <cell r="D122">
            <v>128277</v>
          </cell>
          <cell r="E122">
            <v>3541</v>
          </cell>
          <cell r="F122">
            <v>4485</v>
          </cell>
          <cell r="G122">
            <v>4963</v>
          </cell>
          <cell r="H122">
            <v>5600</v>
          </cell>
          <cell r="I122">
            <v>6187</v>
          </cell>
          <cell r="J122">
            <v>6213</v>
          </cell>
          <cell r="K122">
            <v>5946</v>
          </cell>
          <cell r="L122">
            <v>6205</v>
          </cell>
          <cell r="M122">
            <v>7396</v>
          </cell>
          <cell r="N122">
            <v>8580</v>
          </cell>
          <cell r="O122">
            <v>10466</v>
          </cell>
          <cell r="P122">
            <v>9473</v>
          </cell>
          <cell r="Q122">
            <v>8119</v>
          </cell>
          <cell r="R122">
            <v>7186</v>
          </cell>
          <cell r="S122">
            <v>8116</v>
          </cell>
          <cell r="T122">
            <v>9799</v>
          </cell>
          <cell r="U122">
            <v>7407</v>
          </cell>
          <cell r="V122">
            <v>4881</v>
          </cell>
          <cell r="W122">
            <v>2710</v>
          </cell>
          <cell r="X122">
            <v>847</v>
          </cell>
          <cell r="Y122">
            <v>157</v>
          </cell>
        </row>
        <row r="123">
          <cell r="D123">
            <v>173602</v>
          </cell>
          <cell r="E123">
            <v>4413</v>
          </cell>
          <cell r="F123">
            <v>6076</v>
          </cell>
          <cell r="G123">
            <v>7222</v>
          </cell>
          <cell r="H123">
            <v>7807</v>
          </cell>
          <cell r="I123">
            <v>7615</v>
          </cell>
          <cell r="J123">
            <v>6904</v>
          </cell>
          <cell r="K123">
            <v>6712</v>
          </cell>
          <cell r="L123">
            <v>7827</v>
          </cell>
          <cell r="M123">
            <v>9960</v>
          </cell>
          <cell r="N123">
            <v>12602</v>
          </cell>
          <cell r="O123">
            <v>15669</v>
          </cell>
          <cell r="P123">
            <v>15024</v>
          </cell>
          <cell r="Q123">
            <v>12571</v>
          </cell>
          <cell r="R123">
            <v>9781</v>
          </cell>
          <cell r="S123">
            <v>9403</v>
          </cell>
          <cell r="T123">
            <v>12095</v>
          </cell>
          <cell r="U123">
            <v>9614</v>
          </cell>
          <cell r="V123">
            <v>6939</v>
          </cell>
          <cell r="W123">
            <v>3932</v>
          </cell>
          <cell r="X123">
            <v>1256</v>
          </cell>
          <cell r="Y123">
            <v>180</v>
          </cell>
        </row>
        <row r="124">
          <cell r="D124">
            <v>82138</v>
          </cell>
          <cell r="E124">
            <v>2319</v>
          </cell>
          <cell r="F124">
            <v>3051</v>
          </cell>
          <cell r="G124">
            <v>3702</v>
          </cell>
          <cell r="H124">
            <v>4010</v>
          </cell>
          <cell r="I124">
            <v>3787</v>
          </cell>
          <cell r="J124">
            <v>3396</v>
          </cell>
          <cell r="K124">
            <v>3313</v>
          </cell>
          <cell r="L124">
            <v>3832</v>
          </cell>
          <cell r="M124">
            <v>4754</v>
          </cell>
          <cell r="N124">
            <v>6025</v>
          </cell>
          <cell r="O124">
            <v>7579</v>
          </cell>
          <cell r="P124">
            <v>7447</v>
          </cell>
          <cell r="Q124">
            <v>6389</v>
          </cell>
          <cell r="R124">
            <v>4869</v>
          </cell>
          <cell r="S124">
            <v>4319</v>
          </cell>
          <cell r="T124">
            <v>5310</v>
          </cell>
          <cell r="U124">
            <v>3820</v>
          </cell>
          <cell r="V124">
            <v>2630</v>
          </cell>
          <cell r="W124">
            <v>1274</v>
          </cell>
          <cell r="X124">
            <v>291</v>
          </cell>
          <cell r="Y124">
            <v>21</v>
          </cell>
        </row>
        <row r="125">
          <cell r="D125">
            <v>91464</v>
          </cell>
          <cell r="E125">
            <v>2094</v>
          </cell>
          <cell r="F125">
            <v>3025</v>
          </cell>
          <cell r="G125">
            <v>3520</v>
          </cell>
          <cell r="H125">
            <v>3797</v>
          </cell>
          <cell r="I125">
            <v>3828</v>
          </cell>
          <cell r="J125">
            <v>3508</v>
          </cell>
          <cell r="K125">
            <v>3399</v>
          </cell>
          <cell r="L125">
            <v>3995</v>
          </cell>
          <cell r="M125">
            <v>5206</v>
          </cell>
          <cell r="N125">
            <v>6577</v>
          </cell>
          <cell r="O125">
            <v>8090</v>
          </cell>
          <cell r="P125">
            <v>7577</v>
          </cell>
          <cell r="Q125">
            <v>6182</v>
          </cell>
          <cell r="R125">
            <v>4912</v>
          </cell>
          <cell r="S125">
            <v>5084</v>
          </cell>
          <cell r="T125">
            <v>6785</v>
          </cell>
          <cell r="U125">
            <v>5794</v>
          </cell>
          <cell r="V125">
            <v>4309</v>
          </cell>
          <cell r="W125">
            <v>2658</v>
          </cell>
          <cell r="X125">
            <v>965</v>
          </cell>
          <cell r="Y125">
            <v>159</v>
          </cell>
        </row>
        <row r="126">
          <cell r="D126">
            <v>444628</v>
          </cell>
          <cell r="E126">
            <v>14758</v>
          </cell>
          <cell r="F126">
            <v>18773</v>
          </cell>
          <cell r="G126">
            <v>20247</v>
          </cell>
          <cell r="H126">
            <v>20934</v>
          </cell>
          <cell r="I126">
            <v>22246</v>
          </cell>
          <cell r="J126">
            <v>22914</v>
          </cell>
          <cell r="K126">
            <v>23592</v>
          </cell>
          <cell r="L126">
            <v>25032</v>
          </cell>
          <cell r="M126">
            <v>29636</v>
          </cell>
          <cell r="N126">
            <v>33337</v>
          </cell>
          <cell r="O126">
            <v>38695</v>
          </cell>
          <cell r="P126">
            <v>34857</v>
          </cell>
          <cell r="Q126">
            <v>28767</v>
          </cell>
          <cell r="R126">
            <v>21801</v>
          </cell>
          <cell r="S126">
            <v>21630</v>
          </cell>
          <cell r="T126">
            <v>26295</v>
          </cell>
          <cell r="U126">
            <v>19597</v>
          </cell>
          <cell r="V126">
            <v>12960</v>
          </cell>
          <cell r="W126">
            <v>6438</v>
          </cell>
          <cell r="X126">
            <v>1844</v>
          </cell>
          <cell r="Y126">
            <v>275</v>
          </cell>
        </row>
        <row r="127">
          <cell r="D127">
            <v>219808</v>
          </cell>
          <cell r="E127">
            <v>7507</v>
          </cell>
          <cell r="F127">
            <v>9648</v>
          </cell>
          <cell r="G127">
            <v>10369</v>
          </cell>
          <cell r="H127">
            <v>10769</v>
          </cell>
          <cell r="I127">
            <v>11544</v>
          </cell>
          <cell r="J127">
            <v>12230</v>
          </cell>
          <cell r="K127">
            <v>12357</v>
          </cell>
          <cell r="L127">
            <v>12825</v>
          </cell>
          <cell r="M127">
            <v>14953</v>
          </cell>
          <cell r="N127">
            <v>16900</v>
          </cell>
          <cell r="O127">
            <v>19430</v>
          </cell>
          <cell r="P127">
            <v>17966</v>
          </cell>
          <cell r="Q127">
            <v>14868</v>
          </cell>
          <cell r="R127">
            <v>10925</v>
          </cell>
          <cell r="S127">
            <v>10122</v>
          </cell>
          <cell r="T127">
            <v>11712</v>
          </cell>
          <cell r="U127">
            <v>8212</v>
          </cell>
          <cell r="V127">
            <v>5003</v>
          </cell>
          <cell r="W127">
            <v>2041</v>
          </cell>
          <cell r="X127">
            <v>388</v>
          </cell>
          <cell r="Y127">
            <v>39</v>
          </cell>
        </row>
        <row r="128">
          <cell r="D128">
            <v>224819</v>
          </cell>
          <cell r="E128">
            <v>7251</v>
          </cell>
          <cell r="F128">
            <v>9125</v>
          </cell>
          <cell r="G128">
            <v>9878</v>
          </cell>
          <cell r="H128">
            <v>10165</v>
          </cell>
          <cell r="I128">
            <v>10702</v>
          </cell>
          <cell r="J128">
            <v>10684</v>
          </cell>
          <cell r="K128">
            <v>11235</v>
          </cell>
          <cell r="L128">
            <v>12207</v>
          </cell>
          <cell r="M128">
            <v>14683</v>
          </cell>
          <cell r="N128">
            <v>16436</v>
          </cell>
          <cell r="O128">
            <v>19265</v>
          </cell>
          <cell r="P128">
            <v>16891</v>
          </cell>
          <cell r="Q128">
            <v>13899</v>
          </cell>
          <cell r="R128">
            <v>10876</v>
          </cell>
          <cell r="S128">
            <v>11508</v>
          </cell>
          <cell r="T128">
            <v>14583</v>
          </cell>
          <cell r="U128">
            <v>11385</v>
          </cell>
          <cell r="V128">
            <v>7957</v>
          </cell>
          <cell r="W128">
            <v>4397</v>
          </cell>
          <cell r="X128">
            <v>1456</v>
          </cell>
          <cell r="Y128">
            <v>236</v>
          </cell>
        </row>
        <row r="129">
          <cell r="D129">
            <v>185424</v>
          </cell>
          <cell r="E129">
            <v>4873</v>
          </cell>
          <cell r="F129">
            <v>6253</v>
          </cell>
          <cell r="G129">
            <v>7253</v>
          </cell>
          <cell r="H129">
            <v>7941</v>
          </cell>
          <cell r="I129">
            <v>8835</v>
          </cell>
          <cell r="J129">
            <v>8950</v>
          </cell>
          <cell r="K129">
            <v>8833</v>
          </cell>
          <cell r="L129">
            <v>9337</v>
          </cell>
          <cell r="M129">
            <v>10801</v>
          </cell>
          <cell r="N129">
            <v>12188</v>
          </cell>
          <cell r="O129">
            <v>15074</v>
          </cell>
          <cell r="P129">
            <v>14387</v>
          </cell>
          <cell r="Q129">
            <v>12878</v>
          </cell>
          <cell r="R129">
            <v>11439</v>
          </cell>
          <cell r="S129">
            <v>12025</v>
          </cell>
          <cell r="T129">
            <v>13810</v>
          </cell>
          <cell r="U129">
            <v>9719</v>
          </cell>
          <cell r="V129">
            <v>6431</v>
          </cell>
          <cell r="W129">
            <v>3279</v>
          </cell>
          <cell r="X129">
            <v>959</v>
          </cell>
          <cell r="Y129">
            <v>159</v>
          </cell>
        </row>
        <row r="130">
          <cell r="D130">
            <v>90316</v>
          </cell>
          <cell r="E130">
            <v>2502</v>
          </cell>
          <cell r="F130">
            <v>3206</v>
          </cell>
          <cell r="G130">
            <v>3769</v>
          </cell>
          <cell r="H130">
            <v>4063</v>
          </cell>
          <cell r="I130">
            <v>4389</v>
          </cell>
          <cell r="J130">
            <v>4460</v>
          </cell>
          <cell r="K130">
            <v>4527</v>
          </cell>
          <cell r="L130">
            <v>4811</v>
          </cell>
          <cell r="M130">
            <v>5476</v>
          </cell>
          <cell r="N130">
            <v>6198</v>
          </cell>
          <cell r="O130">
            <v>7674</v>
          </cell>
          <cell r="P130">
            <v>7373</v>
          </cell>
          <cell r="Q130">
            <v>6515</v>
          </cell>
          <cell r="R130">
            <v>5681</v>
          </cell>
          <cell r="S130">
            <v>5718</v>
          </cell>
          <cell r="T130">
            <v>6363</v>
          </cell>
          <cell r="U130">
            <v>3991</v>
          </cell>
          <cell r="V130">
            <v>2333</v>
          </cell>
          <cell r="W130">
            <v>1049</v>
          </cell>
          <cell r="X130">
            <v>196</v>
          </cell>
          <cell r="Y130">
            <v>22</v>
          </cell>
        </row>
        <row r="131">
          <cell r="D131">
            <v>95108</v>
          </cell>
          <cell r="E131">
            <v>2371</v>
          </cell>
          <cell r="F131">
            <v>3047</v>
          </cell>
          <cell r="G131">
            <v>3484</v>
          </cell>
          <cell r="H131">
            <v>3878</v>
          </cell>
          <cell r="I131">
            <v>4446</v>
          </cell>
          <cell r="J131">
            <v>4490</v>
          </cell>
          <cell r="K131">
            <v>4306</v>
          </cell>
          <cell r="L131">
            <v>4526</v>
          </cell>
          <cell r="M131">
            <v>5325</v>
          </cell>
          <cell r="N131">
            <v>5990</v>
          </cell>
          <cell r="O131">
            <v>7400</v>
          </cell>
          <cell r="P131">
            <v>7014</v>
          </cell>
          <cell r="Q131">
            <v>6363</v>
          </cell>
          <cell r="R131">
            <v>5758</v>
          </cell>
          <cell r="S131">
            <v>6307</v>
          </cell>
          <cell r="T131">
            <v>7447</v>
          </cell>
          <cell r="U131">
            <v>5728</v>
          </cell>
          <cell r="V131">
            <v>4098</v>
          </cell>
          <cell r="W131">
            <v>2230</v>
          </cell>
          <cell r="X131">
            <v>763</v>
          </cell>
          <cell r="Y131">
            <v>137</v>
          </cell>
        </row>
        <row r="132">
          <cell r="D132">
            <v>247214</v>
          </cell>
          <cell r="E132">
            <v>8086</v>
          </cell>
          <cell r="F132">
            <v>10099</v>
          </cell>
          <cell r="G132">
            <v>11243</v>
          </cell>
          <cell r="H132">
            <v>11557</v>
          </cell>
          <cell r="I132">
            <v>11401</v>
          </cell>
          <cell r="J132">
            <v>11013</v>
          </cell>
          <cell r="K132">
            <v>11856</v>
          </cell>
          <cell r="L132">
            <v>13155</v>
          </cell>
          <cell r="M132">
            <v>15810</v>
          </cell>
          <cell r="N132">
            <v>18360</v>
          </cell>
          <cell r="O132">
            <v>21628</v>
          </cell>
          <cell r="P132">
            <v>19643</v>
          </cell>
          <cell r="Q132">
            <v>16539</v>
          </cell>
          <cell r="R132">
            <v>13056</v>
          </cell>
          <cell r="S132">
            <v>13283</v>
          </cell>
          <cell r="T132">
            <v>15729</v>
          </cell>
          <cell r="U132">
            <v>11708</v>
          </cell>
          <cell r="V132">
            <v>8009</v>
          </cell>
          <cell r="W132">
            <v>3842</v>
          </cell>
          <cell r="X132">
            <v>1043</v>
          </cell>
          <cell r="Y132">
            <v>154</v>
          </cell>
        </row>
        <row r="133">
          <cell r="D133">
            <v>120327</v>
          </cell>
          <cell r="E133">
            <v>4197</v>
          </cell>
          <cell r="F133">
            <v>5202</v>
          </cell>
          <cell r="G133">
            <v>5786</v>
          </cell>
          <cell r="H133">
            <v>5830</v>
          </cell>
          <cell r="I133">
            <v>5674</v>
          </cell>
          <cell r="J133">
            <v>5516</v>
          </cell>
          <cell r="K133">
            <v>5916</v>
          </cell>
          <cell r="L133">
            <v>6631</v>
          </cell>
          <cell r="M133">
            <v>7802</v>
          </cell>
          <cell r="N133">
            <v>9141</v>
          </cell>
          <cell r="O133">
            <v>10769</v>
          </cell>
          <cell r="P133">
            <v>10040</v>
          </cell>
          <cell r="Q133">
            <v>8479</v>
          </cell>
          <cell r="R133">
            <v>6466</v>
          </cell>
          <cell r="S133">
            <v>6259</v>
          </cell>
          <cell r="T133">
            <v>6994</v>
          </cell>
          <cell r="U133">
            <v>4924</v>
          </cell>
          <cell r="V133">
            <v>3194</v>
          </cell>
          <cell r="W133">
            <v>1248</v>
          </cell>
          <cell r="X133">
            <v>239</v>
          </cell>
          <cell r="Y133">
            <v>20</v>
          </cell>
        </row>
        <row r="134">
          <cell r="D134">
            <v>126887</v>
          </cell>
          <cell r="E134">
            <v>3889</v>
          </cell>
          <cell r="F134">
            <v>4897</v>
          </cell>
          <cell r="G134">
            <v>5457</v>
          </cell>
          <cell r="H134">
            <v>5727</v>
          </cell>
          <cell r="I134">
            <v>5727</v>
          </cell>
          <cell r="J134">
            <v>5497</v>
          </cell>
          <cell r="K134">
            <v>5940</v>
          </cell>
          <cell r="L134">
            <v>6524</v>
          </cell>
          <cell r="M134">
            <v>8008</v>
          </cell>
          <cell r="N134">
            <v>9219</v>
          </cell>
          <cell r="O134">
            <v>10859</v>
          </cell>
          <cell r="P134">
            <v>9603</v>
          </cell>
          <cell r="Q134">
            <v>8060</v>
          </cell>
          <cell r="R134">
            <v>6590</v>
          </cell>
          <cell r="S134">
            <v>7024</v>
          </cell>
          <cell r="T134">
            <v>8735</v>
          </cell>
          <cell r="U134">
            <v>6784</v>
          </cell>
          <cell r="V134">
            <v>4815</v>
          </cell>
          <cell r="W134">
            <v>2594</v>
          </cell>
          <cell r="X134">
            <v>804</v>
          </cell>
          <cell r="Y134">
            <v>134</v>
          </cell>
        </row>
        <row r="135">
          <cell r="D135">
            <v>57326</v>
          </cell>
          <cell r="E135">
            <v>1504</v>
          </cell>
          <cell r="F135">
            <v>2030</v>
          </cell>
          <cell r="G135">
            <v>2514</v>
          </cell>
          <cell r="H135">
            <v>2523</v>
          </cell>
          <cell r="I135">
            <v>2283</v>
          </cell>
          <cell r="J135">
            <v>1916</v>
          </cell>
          <cell r="K135">
            <v>1981</v>
          </cell>
          <cell r="L135">
            <v>2513</v>
          </cell>
          <cell r="M135">
            <v>3206</v>
          </cell>
          <cell r="N135">
            <v>4225</v>
          </cell>
          <cell r="O135">
            <v>5117</v>
          </cell>
          <cell r="P135">
            <v>5028</v>
          </cell>
          <cell r="Q135">
            <v>4314</v>
          </cell>
          <cell r="R135">
            <v>3346</v>
          </cell>
          <cell r="S135">
            <v>3179</v>
          </cell>
          <cell r="T135">
            <v>4131</v>
          </cell>
          <cell r="U135">
            <v>3408</v>
          </cell>
          <cell r="V135">
            <v>2362</v>
          </cell>
          <cell r="W135">
            <v>1294</v>
          </cell>
          <cell r="X135">
            <v>388</v>
          </cell>
          <cell r="Y135">
            <v>64</v>
          </cell>
        </row>
        <row r="136">
          <cell r="D136">
            <v>26908</v>
          </cell>
          <cell r="E136">
            <v>767</v>
          </cell>
          <cell r="F136">
            <v>1035</v>
          </cell>
          <cell r="G136">
            <v>1337</v>
          </cell>
          <cell r="H136">
            <v>1244</v>
          </cell>
          <cell r="I136">
            <v>1164</v>
          </cell>
          <cell r="J136">
            <v>937</v>
          </cell>
          <cell r="K136">
            <v>952</v>
          </cell>
          <cell r="L136">
            <v>1162</v>
          </cell>
          <cell r="M136">
            <v>1505</v>
          </cell>
          <cell r="N136">
            <v>1995</v>
          </cell>
          <cell r="O136">
            <v>2509</v>
          </cell>
          <cell r="P136">
            <v>2450</v>
          </cell>
          <cell r="Q136">
            <v>2200</v>
          </cell>
          <cell r="R136">
            <v>1621</v>
          </cell>
          <cell r="S136">
            <v>1476</v>
          </cell>
          <cell r="T136">
            <v>1815</v>
          </cell>
          <cell r="U136">
            <v>1359</v>
          </cell>
          <cell r="V136">
            <v>873</v>
          </cell>
          <cell r="W136">
            <v>407</v>
          </cell>
          <cell r="X136">
            <v>92</v>
          </cell>
          <cell r="Y136">
            <v>8</v>
          </cell>
        </row>
        <row r="137">
          <cell r="D137">
            <v>30418</v>
          </cell>
          <cell r="E137">
            <v>737</v>
          </cell>
          <cell r="F137">
            <v>995</v>
          </cell>
          <cell r="G137">
            <v>1177</v>
          </cell>
          <cell r="H137">
            <v>1279</v>
          </cell>
          <cell r="I137">
            <v>1119</v>
          </cell>
          <cell r="J137">
            <v>979</v>
          </cell>
          <cell r="K137">
            <v>1029</v>
          </cell>
          <cell r="L137">
            <v>1351</v>
          </cell>
          <cell r="M137">
            <v>1701</v>
          </cell>
          <cell r="N137">
            <v>2230</v>
          </cell>
          <cell r="O137">
            <v>2608</v>
          </cell>
          <cell r="P137">
            <v>2578</v>
          </cell>
          <cell r="Q137">
            <v>2114</v>
          </cell>
          <cell r="R137">
            <v>1725</v>
          </cell>
          <cell r="S137">
            <v>1703</v>
          </cell>
          <cell r="T137">
            <v>2316</v>
          </cell>
          <cell r="U137">
            <v>2049</v>
          </cell>
          <cell r="V137">
            <v>1489</v>
          </cell>
          <cell r="W137">
            <v>887</v>
          </cell>
          <cell r="X137">
            <v>296</v>
          </cell>
          <cell r="Y137">
            <v>56</v>
          </cell>
        </row>
        <row r="138">
          <cell r="D138">
            <v>39311</v>
          </cell>
          <cell r="E138">
            <v>685</v>
          </cell>
          <cell r="F138">
            <v>1002</v>
          </cell>
          <cell r="G138">
            <v>1149</v>
          </cell>
          <cell r="H138">
            <v>1424</v>
          </cell>
          <cell r="I138">
            <v>1603</v>
          </cell>
          <cell r="J138">
            <v>1337</v>
          </cell>
          <cell r="K138">
            <v>1340</v>
          </cell>
          <cell r="L138">
            <v>1520</v>
          </cell>
          <cell r="M138">
            <v>1820</v>
          </cell>
          <cell r="N138">
            <v>2279</v>
          </cell>
          <cell r="O138">
            <v>3007</v>
          </cell>
          <cell r="P138">
            <v>3009</v>
          </cell>
          <cell r="Q138">
            <v>2922</v>
          </cell>
          <cell r="R138">
            <v>2738</v>
          </cell>
          <cell r="S138">
            <v>3485</v>
          </cell>
          <cell r="T138">
            <v>3996</v>
          </cell>
          <cell r="U138">
            <v>2806</v>
          </cell>
          <cell r="V138">
            <v>1874</v>
          </cell>
          <cell r="W138">
            <v>969</v>
          </cell>
          <cell r="X138">
            <v>310</v>
          </cell>
          <cell r="Y138">
            <v>36</v>
          </cell>
        </row>
        <row r="139">
          <cell r="D139">
            <v>19088</v>
          </cell>
          <cell r="E139">
            <v>395</v>
          </cell>
          <cell r="F139">
            <v>523</v>
          </cell>
          <cell r="G139">
            <v>602</v>
          </cell>
          <cell r="H139">
            <v>716</v>
          </cell>
          <cell r="I139">
            <v>853</v>
          </cell>
          <cell r="J139">
            <v>725</v>
          </cell>
          <cell r="K139">
            <v>693</v>
          </cell>
          <cell r="L139">
            <v>783</v>
          </cell>
          <cell r="M139">
            <v>930</v>
          </cell>
          <cell r="N139">
            <v>1169</v>
          </cell>
          <cell r="O139">
            <v>1529</v>
          </cell>
          <cell r="P139">
            <v>1571</v>
          </cell>
          <cell r="Q139">
            <v>1501</v>
          </cell>
          <cell r="R139">
            <v>1386</v>
          </cell>
          <cell r="S139">
            <v>1658</v>
          </cell>
          <cell r="T139">
            <v>1877</v>
          </cell>
          <cell r="U139">
            <v>1163</v>
          </cell>
          <cell r="V139">
            <v>664</v>
          </cell>
          <cell r="W139">
            <v>282</v>
          </cell>
          <cell r="X139">
            <v>64</v>
          </cell>
          <cell r="Y139">
            <v>4</v>
          </cell>
        </row>
        <row r="140">
          <cell r="D140">
            <v>20223</v>
          </cell>
          <cell r="E140">
            <v>290</v>
          </cell>
          <cell r="F140">
            <v>479</v>
          </cell>
          <cell r="G140">
            <v>547</v>
          </cell>
          <cell r="H140">
            <v>708</v>
          </cell>
          <cell r="I140">
            <v>750</v>
          </cell>
          <cell r="J140">
            <v>612</v>
          </cell>
          <cell r="K140">
            <v>647</v>
          </cell>
          <cell r="L140">
            <v>737</v>
          </cell>
          <cell r="M140">
            <v>890</v>
          </cell>
          <cell r="N140">
            <v>1110</v>
          </cell>
          <cell r="O140">
            <v>1478</v>
          </cell>
          <cell r="P140">
            <v>1438</v>
          </cell>
          <cell r="Q140">
            <v>1421</v>
          </cell>
          <cell r="R140">
            <v>1352</v>
          </cell>
          <cell r="S140">
            <v>1827</v>
          </cell>
          <cell r="T140">
            <v>2119</v>
          </cell>
          <cell r="U140">
            <v>1643</v>
          </cell>
          <cell r="V140">
            <v>1210</v>
          </cell>
          <cell r="W140">
            <v>687</v>
          </cell>
          <cell r="X140">
            <v>246</v>
          </cell>
          <cell r="Y140">
            <v>32</v>
          </cell>
        </row>
        <row r="141">
          <cell r="D141">
            <v>157784</v>
          </cell>
          <cell r="E141">
            <v>3736</v>
          </cell>
          <cell r="F141">
            <v>5051</v>
          </cell>
          <cell r="G141">
            <v>6416</v>
          </cell>
          <cell r="H141">
            <v>7290</v>
          </cell>
          <cell r="I141">
            <v>8392</v>
          </cell>
          <cell r="J141">
            <v>7467</v>
          </cell>
          <cell r="K141">
            <v>7156</v>
          </cell>
          <cell r="L141">
            <v>7435</v>
          </cell>
          <cell r="M141">
            <v>9232</v>
          </cell>
          <cell r="N141">
            <v>10838</v>
          </cell>
          <cell r="O141">
            <v>12885</v>
          </cell>
          <cell r="P141">
            <v>11529</v>
          </cell>
          <cell r="Q141">
            <v>10355</v>
          </cell>
          <cell r="R141">
            <v>9259</v>
          </cell>
          <cell r="S141">
            <v>10869</v>
          </cell>
          <cell r="T141">
            <v>13125</v>
          </cell>
          <cell r="U141">
            <v>8828</v>
          </cell>
          <cell r="V141">
            <v>4944</v>
          </cell>
          <cell r="W141">
            <v>2248</v>
          </cell>
          <cell r="X141">
            <v>627</v>
          </cell>
          <cell r="Y141">
            <v>102</v>
          </cell>
        </row>
        <row r="142">
          <cell r="D142">
            <v>79232</v>
          </cell>
          <cell r="E142">
            <v>1892</v>
          </cell>
          <cell r="F142">
            <v>2618</v>
          </cell>
          <cell r="G142">
            <v>3328</v>
          </cell>
          <cell r="H142">
            <v>3819</v>
          </cell>
          <cell r="I142">
            <v>4520</v>
          </cell>
          <cell r="J142">
            <v>4015</v>
          </cell>
          <cell r="K142">
            <v>3755</v>
          </cell>
          <cell r="L142">
            <v>3943</v>
          </cell>
          <cell r="M142">
            <v>4814</v>
          </cell>
          <cell r="N142">
            <v>5676</v>
          </cell>
          <cell r="O142">
            <v>6680</v>
          </cell>
          <cell r="P142">
            <v>6174</v>
          </cell>
          <cell r="Q142">
            <v>5288</v>
          </cell>
          <cell r="R142">
            <v>4572</v>
          </cell>
          <cell r="S142">
            <v>5135</v>
          </cell>
          <cell r="T142">
            <v>6072</v>
          </cell>
          <cell r="U142">
            <v>3999</v>
          </cell>
          <cell r="V142">
            <v>2068</v>
          </cell>
          <cell r="W142">
            <v>728</v>
          </cell>
          <cell r="X142">
            <v>120</v>
          </cell>
          <cell r="Y142">
            <v>16</v>
          </cell>
        </row>
        <row r="143">
          <cell r="D143">
            <v>78552</v>
          </cell>
          <cell r="E143">
            <v>1844</v>
          </cell>
          <cell r="F143">
            <v>2433</v>
          </cell>
          <cell r="G143">
            <v>3088</v>
          </cell>
          <cell r="H143">
            <v>3471</v>
          </cell>
          <cell r="I143">
            <v>3872</v>
          </cell>
          <cell r="J143">
            <v>3452</v>
          </cell>
          <cell r="K143">
            <v>3401</v>
          </cell>
          <cell r="L143">
            <v>3492</v>
          </cell>
          <cell r="M143">
            <v>4418</v>
          </cell>
          <cell r="N143">
            <v>5162</v>
          </cell>
          <cell r="O143">
            <v>6205</v>
          </cell>
          <cell r="P143">
            <v>5355</v>
          </cell>
          <cell r="Q143">
            <v>5067</v>
          </cell>
          <cell r="R143">
            <v>4687</v>
          </cell>
          <cell r="S143">
            <v>5734</v>
          </cell>
          <cell r="T143">
            <v>7053</v>
          </cell>
          <cell r="U143">
            <v>4829</v>
          </cell>
          <cell r="V143">
            <v>2876</v>
          </cell>
          <cell r="W143">
            <v>1520</v>
          </cell>
          <cell r="X143">
            <v>507</v>
          </cell>
          <cell r="Y143">
            <v>86</v>
          </cell>
        </row>
        <row r="144">
          <cell r="D144">
            <v>222404</v>
          </cell>
          <cell r="E144">
            <v>6217</v>
          </cell>
          <cell r="F144">
            <v>7739</v>
          </cell>
          <cell r="G144">
            <v>9089</v>
          </cell>
          <cell r="H144">
            <v>10406</v>
          </cell>
          <cell r="I144">
            <v>12357</v>
          </cell>
          <cell r="J144">
            <v>13153</v>
          </cell>
          <cell r="K144">
            <v>12342</v>
          </cell>
          <cell r="L144">
            <v>11894</v>
          </cell>
          <cell r="M144">
            <v>13556</v>
          </cell>
          <cell r="N144">
            <v>15970</v>
          </cell>
          <cell r="O144">
            <v>19627</v>
          </cell>
          <cell r="P144">
            <v>17031</v>
          </cell>
          <cell r="Q144">
            <v>13756</v>
          </cell>
          <cell r="R144">
            <v>11373</v>
          </cell>
          <cell r="S144">
            <v>12809</v>
          </cell>
          <cell r="T144">
            <v>15190</v>
          </cell>
          <cell r="U144">
            <v>10481</v>
          </cell>
          <cell r="V144">
            <v>6158</v>
          </cell>
          <cell r="W144">
            <v>2547</v>
          </cell>
          <cell r="X144">
            <v>614</v>
          </cell>
          <cell r="Y144">
            <v>95</v>
          </cell>
        </row>
        <row r="145">
          <cell r="D145">
            <v>114852</v>
          </cell>
          <cell r="E145">
            <v>3111</v>
          </cell>
          <cell r="F145">
            <v>3988</v>
          </cell>
          <cell r="G145">
            <v>4658</v>
          </cell>
          <cell r="H145">
            <v>5450</v>
          </cell>
          <cell r="I145">
            <v>6683</v>
          </cell>
          <cell r="J145">
            <v>7374</v>
          </cell>
          <cell r="K145">
            <v>6905</v>
          </cell>
          <cell r="L145">
            <v>6662</v>
          </cell>
          <cell r="M145">
            <v>7304</v>
          </cell>
          <cell r="N145">
            <v>8614</v>
          </cell>
          <cell r="O145">
            <v>10533</v>
          </cell>
          <cell r="P145">
            <v>9196</v>
          </cell>
          <cell r="Q145">
            <v>7340</v>
          </cell>
          <cell r="R145">
            <v>5832</v>
          </cell>
          <cell r="S145">
            <v>6035</v>
          </cell>
          <cell r="T145">
            <v>6961</v>
          </cell>
          <cell r="U145">
            <v>4628</v>
          </cell>
          <cell r="V145">
            <v>2543</v>
          </cell>
          <cell r="W145">
            <v>873</v>
          </cell>
          <cell r="X145">
            <v>149</v>
          </cell>
          <cell r="Y145">
            <v>13</v>
          </cell>
        </row>
        <row r="146">
          <cell r="D146">
            <v>107552</v>
          </cell>
          <cell r="E146">
            <v>3106</v>
          </cell>
          <cell r="F146">
            <v>3751</v>
          </cell>
          <cell r="G146">
            <v>4431</v>
          </cell>
          <cell r="H146">
            <v>4956</v>
          </cell>
          <cell r="I146">
            <v>5674</v>
          </cell>
          <cell r="J146">
            <v>5779</v>
          </cell>
          <cell r="K146">
            <v>5437</v>
          </cell>
          <cell r="L146">
            <v>5232</v>
          </cell>
          <cell r="M146">
            <v>6252</v>
          </cell>
          <cell r="N146">
            <v>7356</v>
          </cell>
          <cell r="O146">
            <v>9094</v>
          </cell>
          <cell r="P146">
            <v>7835</v>
          </cell>
          <cell r="Q146">
            <v>6416</v>
          </cell>
          <cell r="R146">
            <v>5541</v>
          </cell>
          <cell r="S146">
            <v>6774</v>
          </cell>
          <cell r="T146">
            <v>8229</v>
          </cell>
          <cell r="U146">
            <v>5853</v>
          </cell>
          <cell r="V146">
            <v>3615</v>
          </cell>
          <cell r="W146">
            <v>1674</v>
          </cell>
          <cell r="X146">
            <v>465</v>
          </cell>
          <cell r="Y146">
            <v>82</v>
          </cell>
        </row>
        <row r="147">
          <cell r="D147">
            <v>246500</v>
          </cell>
          <cell r="E147">
            <v>8839</v>
          </cell>
          <cell r="F147">
            <v>9708</v>
          </cell>
          <cell r="G147">
            <v>10094</v>
          </cell>
          <cell r="H147">
            <v>10456</v>
          </cell>
          <cell r="I147">
            <v>12433</v>
          </cell>
          <cell r="J147">
            <v>15497</v>
          </cell>
          <cell r="K147">
            <v>15757</v>
          </cell>
          <cell r="L147">
            <v>15309</v>
          </cell>
          <cell r="M147">
            <v>15937</v>
          </cell>
          <cell r="N147">
            <v>17659</v>
          </cell>
          <cell r="O147">
            <v>21125</v>
          </cell>
          <cell r="P147">
            <v>19087</v>
          </cell>
          <cell r="Q147">
            <v>15446</v>
          </cell>
          <cell r="R147">
            <v>12138</v>
          </cell>
          <cell r="S147">
            <v>11743</v>
          </cell>
          <cell r="T147">
            <v>14019</v>
          </cell>
          <cell r="U147">
            <v>10780</v>
          </cell>
          <cell r="V147">
            <v>6729</v>
          </cell>
          <cell r="W147">
            <v>2926</v>
          </cell>
          <cell r="X147">
            <v>714</v>
          </cell>
          <cell r="Y147">
            <v>104</v>
          </cell>
        </row>
        <row r="148">
          <cell r="D148">
            <v>122741</v>
          </cell>
          <cell r="E148">
            <v>4565</v>
          </cell>
          <cell r="F148">
            <v>4872</v>
          </cell>
          <cell r="G148">
            <v>5134</v>
          </cell>
          <cell r="H148">
            <v>5333</v>
          </cell>
          <cell r="I148">
            <v>6305</v>
          </cell>
          <cell r="J148">
            <v>7889</v>
          </cell>
          <cell r="K148">
            <v>8162</v>
          </cell>
          <cell r="L148">
            <v>7941</v>
          </cell>
          <cell r="M148">
            <v>8233</v>
          </cell>
          <cell r="N148">
            <v>9220</v>
          </cell>
          <cell r="O148">
            <v>10985</v>
          </cell>
          <cell r="P148">
            <v>9841</v>
          </cell>
          <cell r="Q148">
            <v>8022</v>
          </cell>
          <cell r="R148">
            <v>6185</v>
          </cell>
          <cell r="S148">
            <v>5696</v>
          </cell>
          <cell r="T148">
            <v>6142</v>
          </cell>
          <cell r="U148">
            <v>4436</v>
          </cell>
          <cell r="V148">
            <v>2709</v>
          </cell>
          <cell r="W148">
            <v>898</v>
          </cell>
          <cell r="X148">
            <v>166</v>
          </cell>
          <cell r="Y148">
            <v>7</v>
          </cell>
        </row>
        <row r="149">
          <cell r="D149">
            <v>123759</v>
          </cell>
          <cell r="E149">
            <v>4274</v>
          </cell>
          <cell r="F149">
            <v>4836</v>
          </cell>
          <cell r="G149">
            <v>4960</v>
          </cell>
          <cell r="H149">
            <v>5123</v>
          </cell>
          <cell r="I149">
            <v>6128</v>
          </cell>
          <cell r="J149">
            <v>7608</v>
          </cell>
          <cell r="K149">
            <v>7595</v>
          </cell>
          <cell r="L149">
            <v>7368</v>
          </cell>
          <cell r="M149">
            <v>7704</v>
          </cell>
          <cell r="N149">
            <v>8439</v>
          </cell>
          <cell r="O149">
            <v>10140</v>
          </cell>
          <cell r="P149">
            <v>9246</v>
          </cell>
          <cell r="Q149">
            <v>7424</v>
          </cell>
          <cell r="R149">
            <v>5953</v>
          </cell>
          <cell r="S149">
            <v>6047</v>
          </cell>
          <cell r="T149">
            <v>7877</v>
          </cell>
          <cell r="U149">
            <v>6344</v>
          </cell>
          <cell r="V149">
            <v>4020</v>
          </cell>
          <cell r="W149">
            <v>2028</v>
          </cell>
          <cell r="X149">
            <v>548</v>
          </cell>
          <cell r="Y149">
            <v>97</v>
          </cell>
        </row>
        <row r="150">
          <cell r="D150">
            <v>99052</v>
          </cell>
          <cell r="E150">
            <v>2944</v>
          </cell>
          <cell r="F150">
            <v>3579</v>
          </cell>
          <cell r="G150">
            <v>3993</v>
          </cell>
          <cell r="H150">
            <v>4286</v>
          </cell>
          <cell r="I150">
            <v>5582</v>
          </cell>
          <cell r="J150">
            <v>5869</v>
          </cell>
          <cell r="K150">
            <v>5472</v>
          </cell>
          <cell r="L150">
            <v>5309</v>
          </cell>
          <cell r="M150">
            <v>5976</v>
          </cell>
          <cell r="N150">
            <v>6833</v>
          </cell>
          <cell r="O150">
            <v>8305</v>
          </cell>
          <cell r="P150">
            <v>7577</v>
          </cell>
          <cell r="Q150">
            <v>6325</v>
          </cell>
          <cell r="R150">
            <v>5040</v>
          </cell>
          <cell r="S150">
            <v>5614</v>
          </cell>
          <cell r="T150">
            <v>6675</v>
          </cell>
          <cell r="U150">
            <v>4862</v>
          </cell>
          <cell r="V150">
            <v>3052</v>
          </cell>
          <cell r="W150">
            <v>1342</v>
          </cell>
          <cell r="X150">
            <v>363</v>
          </cell>
          <cell r="Y150">
            <v>54</v>
          </cell>
        </row>
        <row r="151">
          <cell r="D151">
            <v>50252</v>
          </cell>
          <cell r="E151">
            <v>1509</v>
          </cell>
          <cell r="F151">
            <v>1864</v>
          </cell>
          <cell r="G151">
            <v>2029</v>
          </cell>
          <cell r="H151">
            <v>2164</v>
          </cell>
          <cell r="I151">
            <v>2953</v>
          </cell>
          <cell r="J151">
            <v>3240</v>
          </cell>
          <cell r="K151">
            <v>3019</v>
          </cell>
          <cell r="L151">
            <v>2829</v>
          </cell>
          <cell r="M151">
            <v>3175</v>
          </cell>
          <cell r="N151">
            <v>3593</v>
          </cell>
          <cell r="O151">
            <v>4317</v>
          </cell>
          <cell r="P151">
            <v>3984</v>
          </cell>
          <cell r="Q151">
            <v>3305</v>
          </cell>
          <cell r="R151">
            <v>2540</v>
          </cell>
          <cell r="S151">
            <v>2707</v>
          </cell>
          <cell r="T151">
            <v>3088</v>
          </cell>
          <cell r="U151">
            <v>2129</v>
          </cell>
          <cell r="V151">
            <v>1237</v>
          </cell>
          <cell r="W151">
            <v>478</v>
          </cell>
          <cell r="X151">
            <v>86</v>
          </cell>
          <cell r="Y151">
            <v>6</v>
          </cell>
        </row>
        <row r="152">
          <cell r="D152">
            <v>48800</v>
          </cell>
          <cell r="E152">
            <v>1435</v>
          </cell>
          <cell r="F152">
            <v>1715</v>
          </cell>
          <cell r="G152">
            <v>1964</v>
          </cell>
          <cell r="H152">
            <v>2122</v>
          </cell>
          <cell r="I152">
            <v>2629</v>
          </cell>
          <cell r="J152">
            <v>2629</v>
          </cell>
          <cell r="K152">
            <v>2453</v>
          </cell>
          <cell r="L152">
            <v>2480</v>
          </cell>
          <cell r="M152">
            <v>2801</v>
          </cell>
          <cell r="N152">
            <v>3240</v>
          </cell>
          <cell r="O152">
            <v>3988</v>
          </cell>
          <cell r="P152">
            <v>3593</v>
          </cell>
          <cell r="Q152">
            <v>3020</v>
          </cell>
          <cell r="R152">
            <v>2500</v>
          </cell>
          <cell r="S152">
            <v>2907</v>
          </cell>
          <cell r="T152">
            <v>3587</v>
          </cell>
          <cell r="U152">
            <v>2733</v>
          </cell>
          <cell r="V152">
            <v>1815</v>
          </cell>
          <cell r="W152">
            <v>864</v>
          </cell>
          <cell r="X152">
            <v>277</v>
          </cell>
          <cell r="Y152">
            <v>48</v>
          </cell>
        </row>
        <row r="153">
          <cell r="D153">
            <v>140973</v>
          </cell>
          <cell r="E153">
            <v>5309</v>
          </cell>
          <cell r="F153">
            <v>5976</v>
          </cell>
          <cell r="G153">
            <v>6049</v>
          </cell>
          <cell r="H153">
            <v>6349</v>
          </cell>
          <cell r="I153">
            <v>7122</v>
          </cell>
          <cell r="J153">
            <v>7926</v>
          </cell>
          <cell r="K153">
            <v>8670</v>
          </cell>
          <cell r="L153">
            <v>8812</v>
          </cell>
          <cell r="M153">
            <v>9403</v>
          </cell>
          <cell r="N153">
            <v>10310</v>
          </cell>
          <cell r="O153">
            <v>11925</v>
          </cell>
          <cell r="P153">
            <v>10259</v>
          </cell>
          <cell r="Q153">
            <v>8116</v>
          </cell>
          <cell r="R153">
            <v>6682</v>
          </cell>
          <cell r="S153">
            <v>7306</v>
          </cell>
          <cell r="T153">
            <v>8667</v>
          </cell>
          <cell r="U153">
            <v>6191</v>
          </cell>
          <cell r="V153">
            <v>3879</v>
          </cell>
          <cell r="W153">
            <v>1540</v>
          </cell>
          <cell r="X153">
            <v>431</v>
          </cell>
          <cell r="Y153">
            <v>51</v>
          </cell>
        </row>
        <row r="154">
          <cell r="D154">
            <v>70840</v>
          </cell>
          <cell r="E154">
            <v>2703</v>
          </cell>
          <cell r="F154">
            <v>3125</v>
          </cell>
          <cell r="G154">
            <v>3092</v>
          </cell>
          <cell r="H154">
            <v>3274</v>
          </cell>
          <cell r="I154">
            <v>3742</v>
          </cell>
          <cell r="J154">
            <v>4194</v>
          </cell>
          <cell r="K154">
            <v>4558</v>
          </cell>
          <cell r="L154">
            <v>4640</v>
          </cell>
          <cell r="M154">
            <v>4865</v>
          </cell>
          <cell r="N154">
            <v>5352</v>
          </cell>
          <cell r="O154">
            <v>6134</v>
          </cell>
          <cell r="P154">
            <v>5339</v>
          </cell>
          <cell r="Q154">
            <v>4200</v>
          </cell>
          <cell r="R154">
            <v>3263</v>
          </cell>
          <cell r="S154">
            <v>3474</v>
          </cell>
          <cell r="T154">
            <v>3936</v>
          </cell>
          <cell r="U154">
            <v>2695</v>
          </cell>
          <cell r="V154">
            <v>1616</v>
          </cell>
          <cell r="W154">
            <v>526</v>
          </cell>
          <cell r="X154">
            <v>107</v>
          </cell>
          <cell r="Y154">
            <v>5</v>
          </cell>
        </row>
        <row r="155">
          <cell r="D155">
            <v>70133</v>
          </cell>
          <cell r="E155">
            <v>2606</v>
          </cell>
          <cell r="F155">
            <v>2851</v>
          </cell>
          <cell r="G155">
            <v>2957</v>
          </cell>
          <cell r="H155">
            <v>3075</v>
          </cell>
          <cell r="I155">
            <v>3380</v>
          </cell>
          <cell r="J155">
            <v>3732</v>
          </cell>
          <cell r="K155">
            <v>4112</v>
          </cell>
          <cell r="L155">
            <v>4172</v>
          </cell>
          <cell r="M155">
            <v>4538</v>
          </cell>
          <cell r="N155">
            <v>4958</v>
          </cell>
          <cell r="O155">
            <v>5791</v>
          </cell>
          <cell r="P155">
            <v>4920</v>
          </cell>
          <cell r="Q155">
            <v>3916</v>
          </cell>
          <cell r="R155">
            <v>3419</v>
          </cell>
          <cell r="S155">
            <v>3832</v>
          </cell>
          <cell r="T155">
            <v>4731</v>
          </cell>
          <cell r="U155">
            <v>3496</v>
          </cell>
          <cell r="V155">
            <v>2263</v>
          </cell>
          <cell r="W155">
            <v>1014</v>
          </cell>
          <cell r="X155">
            <v>324</v>
          </cell>
          <cell r="Y155">
            <v>46</v>
          </cell>
        </row>
        <row r="156">
          <cell r="D156">
            <v>131292</v>
          </cell>
          <cell r="E156">
            <v>3919</v>
          </cell>
          <cell r="F156">
            <v>4740</v>
          </cell>
          <cell r="G156">
            <v>5239</v>
          </cell>
          <cell r="H156">
            <v>5649</v>
          </cell>
          <cell r="I156">
            <v>6420</v>
          </cell>
          <cell r="J156">
            <v>7157</v>
          </cell>
          <cell r="K156">
            <v>7294</v>
          </cell>
          <cell r="L156">
            <v>7431</v>
          </cell>
          <cell r="M156">
            <v>8085</v>
          </cell>
          <cell r="N156">
            <v>9329</v>
          </cell>
          <cell r="O156">
            <v>11468</v>
          </cell>
          <cell r="P156">
            <v>10680</v>
          </cell>
          <cell r="Q156">
            <v>8938</v>
          </cell>
          <cell r="R156">
            <v>7065</v>
          </cell>
          <cell r="S156">
            <v>7208</v>
          </cell>
          <cell r="T156">
            <v>8458</v>
          </cell>
          <cell r="U156">
            <v>6314</v>
          </cell>
          <cell r="V156">
            <v>3868</v>
          </cell>
          <cell r="W156">
            <v>1587</v>
          </cell>
          <cell r="X156">
            <v>395</v>
          </cell>
          <cell r="Y156">
            <v>46</v>
          </cell>
        </row>
        <row r="157">
          <cell r="D157">
            <v>65704</v>
          </cell>
          <cell r="E157">
            <v>2045</v>
          </cell>
          <cell r="F157">
            <v>2426</v>
          </cell>
          <cell r="G157">
            <v>2629</v>
          </cell>
          <cell r="H157">
            <v>2890</v>
          </cell>
          <cell r="I157">
            <v>3354</v>
          </cell>
          <cell r="J157">
            <v>3783</v>
          </cell>
          <cell r="K157">
            <v>3823</v>
          </cell>
          <cell r="L157">
            <v>3918</v>
          </cell>
          <cell r="M157">
            <v>4267</v>
          </cell>
          <cell r="N157">
            <v>4813</v>
          </cell>
          <cell r="O157">
            <v>6012</v>
          </cell>
          <cell r="P157">
            <v>5520</v>
          </cell>
          <cell r="Q157">
            <v>4632</v>
          </cell>
          <cell r="R157">
            <v>3553</v>
          </cell>
          <cell r="S157">
            <v>3499</v>
          </cell>
          <cell r="T157">
            <v>3800</v>
          </cell>
          <cell r="U157">
            <v>2613</v>
          </cell>
          <cell r="V157">
            <v>1533</v>
          </cell>
          <cell r="W157">
            <v>517</v>
          </cell>
          <cell r="X157">
            <v>69</v>
          </cell>
          <cell r="Y157">
            <v>7</v>
          </cell>
        </row>
        <row r="158">
          <cell r="D158">
            <v>65588</v>
          </cell>
          <cell r="E158">
            <v>1874</v>
          </cell>
          <cell r="F158">
            <v>2314</v>
          </cell>
          <cell r="G158">
            <v>2610</v>
          </cell>
          <cell r="H158">
            <v>2759</v>
          </cell>
          <cell r="I158">
            <v>3066</v>
          </cell>
          <cell r="J158">
            <v>3374</v>
          </cell>
          <cell r="K158">
            <v>3471</v>
          </cell>
          <cell r="L158">
            <v>3513</v>
          </cell>
          <cell r="M158">
            <v>3818</v>
          </cell>
          <cell r="N158">
            <v>4516</v>
          </cell>
          <cell r="O158">
            <v>5456</v>
          </cell>
          <cell r="P158">
            <v>5160</v>
          </cell>
          <cell r="Q158">
            <v>4306</v>
          </cell>
          <cell r="R158">
            <v>3512</v>
          </cell>
          <cell r="S158">
            <v>3709</v>
          </cell>
          <cell r="T158">
            <v>4658</v>
          </cell>
          <cell r="U158">
            <v>3701</v>
          </cell>
          <cell r="V158">
            <v>2335</v>
          </cell>
          <cell r="W158">
            <v>1070</v>
          </cell>
          <cell r="X158">
            <v>326</v>
          </cell>
          <cell r="Y158">
            <v>39</v>
          </cell>
        </row>
        <row r="159">
          <cell r="D159">
            <v>39637</v>
          </cell>
          <cell r="E159">
            <v>759</v>
          </cell>
          <cell r="F159">
            <v>1191</v>
          </cell>
          <cell r="G159">
            <v>1650</v>
          </cell>
          <cell r="H159">
            <v>1804</v>
          </cell>
          <cell r="I159">
            <v>1790</v>
          </cell>
          <cell r="J159">
            <v>1691</v>
          </cell>
          <cell r="K159">
            <v>1519</v>
          </cell>
          <cell r="L159">
            <v>1688</v>
          </cell>
          <cell r="M159">
            <v>2152</v>
          </cell>
          <cell r="N159">
            <v>2568</v>
          </cell>
          <cell r="O159">
            <v>3347</v>
          </cell>
          <cell r="P159">
            <v>3115</v>
          </cell>
          <cell r="Q159">
            <v>2767</v>
          </cell>
          <cell r="R159">
            <v>2447</v>
          </cell>
          <cell r="S159">
            <v>2747</v>
          </cell>
          <cell r="T159">
            <v>3245</v>
          </cell>
          <cell r="U159">
            <v>2477</v>
          </cell>
          <cell r="V159">
            <v>1635</v>
          </cell>
          <cell r="W159">
            <v>811</v>
          </cell>
          <cell r="X159">
            <v>204</v>
          </cell>
          <cell r="Y159">
            <v>30</v>
          </cell>
        </row>
        <row r="160">
          <cell r="D160">
            <v>19464</v>
          </cell>
          <cell r="E160">
            <v>391</v>
          </cell>
          <cell r="F160">
            <v>604</v>
          </cell>
          <cell r="G160">
            <v>844</v>
          </cell>
          <cell r="H160">
            <v>916</v>
          </cell>
          <cell r="I160">
            <v>950</v>
          </cell>
          <cell r="J160">
            <v>928</v>
          </cell>
          <cell r="K160">
            <v>783</v>
          </cell>
          <cell r="L160">
            <v>867</v>
          </cell>
          <cell r="M160">
            <v>1105</v>
          </cell>
          <cell r="N160">
            <v>1315</v>
          </cell>
          <cell r="O160">
            <v>1744</v>
          </cell>
          <cell r="P160">
            <v>1622</v>
          </cell>
          <cell r="Q160">
            <v>1374</v>
          </cell>
          <cell r="R160">
            <v>1243</v>
          </cell>
          <cell r="S160">
            <v>1305</v>
          </cell>
          <cell r="T160">
            <v>1442</v>
          </cell>
          <cell r="U160">
            <v>1077</v>
          </cell>
          <cell r="V160">
            <v>633</v>
          </cell>
          <cell r="W160">
            <v>273</v>
          </cell>
          <cell r="X160">
            <v>43</v>
          </cell>
          <cell r="Y160">
            <v>5</v>
          </cell>
        </row>
        <row r="161">
          <cell r="D161">
            <v>20173</v>
          </cell>
          <cell r="E161">
            <v>368</v>
          </cell>
          <cell r="F161">
            <v>587</v>
          </cell>
          <cell r="G161">
            <v>806</v>
          </cell>
          <cell r="H161">
            <v>888</v>
          </cell>
          <cell r="I161">
            <v>840</v>
          </cell>
          <cell r="J161">
            <v>763</v>
          </cell>
          <cell r="K161">
            <v>736</v>
          </cell>
          <cell r="L161">
            <v>821</v>
          </cell>
          <cell r="M161">
            <v>1047</v>
          </cell>
          <cell r="N161">
            <v>1253</v>
          </cell>
          <cell r="O161">
            <v>1603</v>
          </cell>
          <cell r="P161">
            <v>1493</v>
          </cell>
          <cell r="Q161">
            <v>1393</v>
          </cell>
          <cell r="R161">
            <v>1204</v>
          </cell>
          <cell r="S161">
            <v>1442</v>
          </cell>
          <cell r="T161">
            <v>1803</v>
          </cell>
          <cell r="U161">
            <v>1400</v>
          </cell>
          <cell r="V161">
            <v>1002</v>
          </cell>
          <cell r="W161">
            <v>538</v>
          </cell>
          <cell r="X161">
            <v>161</v>
          </cell>
          <cell r="Y161">
            <v>25</v>
          </cell>
        </row>
        <row r="162">
          <cell r="D162">
            <v>83871</v>
          </cell>
          <cell r="E162">
            <v>2638</v>
          </cell>
          <cell r="F162">
            <v>3180</v>
          </cell>
          <cell r="G162">
            <v>3900</v>
          </cell>
          <cell r="H162">
            <v>4210</v>
          </cell>
          <cell r="I162">
            <v>4366</v>
          </cell>
          <cell r="J162">
            <v>4384</v>
          </cell>
          <cell r="K162">
            <v>4441</v>
          </cell>
          <cell r="L162">
            <v>4666</v>
          </cell>
          <cell r="M162">
            <v>5071</v>
          </cell>
          <cell r="N162">
            <v>6036</v>
          </cell>
          <cell r="O162">
            <v>7494</v>
          </cell>
          <cell r="P162">
            <v>6324</v>
          </cell>
          <cell r="Q162">
            <v>4598</v>
          </cell>
          <cell r="R162">
            <v>3750</v>
          </cell>
          <cell r="S162">
            <v>4351</v>
          </cell>
          <cell r="T162">
            <v>5825</v>
          </cell>
          <cell r="U162">
            <v>4679</v>
          </cell>
          <cell r="V162">
            <v>2674</v>
          </cell>
          <cell r="W162">
            <v>1017</v>
          </cell>
          <cell r="X162">
            <v>233</v>
          </cell>
          <cell r="Y162">
            <v>34</v>
          </cell>
        </row>
        <row r="163">
          <cell r="D163">
            <v>42914</v>
          </cell>
          <cell r="E163">
            <v>1319</v>
          </cell>
          <cell r="F163">
            <v>1674</v>
          </cell>
          <cell r="G163">
            <v>1964</v>
          </cell>
          <cell r="H163">
            <v>2143</v>
          </cell>
          <cell r="I163">
            <v>2302</v>
          </cell>
          <cell r="J163">
            <v>2464</v>
          </cell>
          <cell r="K163">
            <v>2464</v>
          </cell>
          <cell r="L163">
            <v>2586</v>
          </cell>
          <cell r="M163">
            <v>2727</v>
          </cell>
          <cell r="N163">
            <v>3286</v>
          </cell>
          <cell r="O163">
            <v>3984</v>
          </cell>
          <cell r="P163">
            <v>3419</v>
          </cell>
          <cell r="Q163">
            <v>2497</v>
          </cell>
          <cell r="R163">
            <v>1870</v>
          </cell>
          <cell r="S163">
            <v>2054</v>
          </cell>
          <cell r="T163">
            <v>2586</v>
          </cell>
          <cell r="U163">
            <v>2022</v>
          </cell>
          <cell r="V163">
            <v>1161</v>
          </cell>
          <cell r="W163">
            <v>350</v>
          </cell>
          <cell r="X163">
            <v>39</v>
          </cell>
          <cell r="Y163">
            <v>3</v>
          </cell>
        </row>
        <row r="164">
          <cell r="D164">
            <v>40957</v>
          </cell>
          <cell r="E164">
            <v>1319</v>
          </cell>
          <cell r="F164">
            <v>1506</v>
          </cell>
          <cell r="G164">
            <v>1936</v>
          </cell>
          <cell r="H164">
            <v>2067</v>
          </cell>
          <cell r="I164">
            <v>2064</v>
          </cell>
          <cell r="J164">
            <v>1920</v>
          </cell>
          <cell r="K164">
            <v>1977</v>
          </cell>
          <cell r="L164">
            <v>2080</v>
          </cell>
          <cell r="M164">
            <v>2344</v>
          </cell>
          <cell r="N164">
            <v>2750</v>
          </cell>
          <cell r="O164">
            <v>3510</v>
          </cell>
          <cell r="P164">
            <v>2905</v>
          </cell>
          <cell r="Q164">
            <v>2101</v>
          </cell>
          <cell r="R164">
            <v>1880</v>
          </cell>
          <cell r="S164">
            <v>2297</v>
          </cell>
          <cell r="T164">
            <v>3239</v>
          </cell>
          <cell r="U164">
            <v>2657</v>
          </cell>
          <cell r="V164">
            <v>1513</v>
          </cell>
          <cell r="W164">
            <v>667</v>
          </cell>
          <cell r="X164">
            <v>194</v>
          </cell>
          <cell r="Y164">
            <v>31</v>
          </cell>
        </row>
        <row r="169">
          <cell r="D169">
            <v>31458</v>
          </cell>
          <cell r="E169">
            <v>711</v>
          </cell>
          <cell r="F169">
            <v>1264</v>
          </cell>
          <cell r="G169">
            <v>1615</v>
          </cell>
          <cell r="H169">
            <v>1626</v>
          </cell>
          <cell r="I169">
            <v>1283</v>
          </cell>
          <cell r="J169">
            <v>766</v>
          </cell>
          <cell r="K169">
            <v>734</v>
          </cell>
          <cell r="L169">
            <v>1097</v>
          </cell>
          <cell r="M169">
            <v>1749</v>
          </cell>
          <cell r="N169">
            <v>2425</v>
          </cell>
          <cell r="O169">
            <v>3047</v>
          </cell>
          <cell r="P169">
            <v>2799</v>
          </cell>
          <cell r="Q169">
            <v>2303</v>
          </cell>
          <cell r="R169">
            <v>1734</v>
          </cell>
          <cell r="S169">
            <v>1770</v>
          </cell>
          <cell r="T169">
            <v>2411</v>
          </cell>
          <cell r="U169">
            <v>1916</v>
          </cell>
          <cell r="V169">
            <v>1309</v>
          </cell>
          <cell r="W169">
            <v>665</v>
          </cell>
          <cell r="X169">
            <v>195</v>
          </cell>
          <cell r="Y169">
            <v>39</v>
          </cell>
        </row>
        <row r="170">
          <cell r="D170">
            <v>14821</v>
          </cell>
          <cell r="E170">
            <v>378</v>
          </cell>
          <cell r="F170">
            <v>661</v>
          </cell>
          <cell r="G170">
            <v>850</v>
          </cell>
          <cell r="H170">
            <v>839</v>
          </cell>
          <cell r="I170">
            <v>651</v>
          </cell>
          <cell r="J170">
            <v>367</v>
          </cell>
          <cell r="K170">
            <v>347</v>
          </cell>
          <cell r="L170">
            <v>497</v>
          </cell>
          <cell r="M170">
            <v>786</v>
          </cell>
          <cell r="N170">
            <v>1134</v>
          </cell>
          <cell r="O170">
            <v>1482</v>
          </cell>
          <cell r="P170">
            <v>1356</v>
          </cell>
          <cell r="Q170">
            <v>1164</v>
          </cell>
          <cell r="R170">
            <v>891</v>
          </cell>
          <cell r="S170">
            <v>815</v>
          </cell>
          <cell r="T170">
            <v>1007</v>
          </cell>
          <cell r="U170">
            <v>813</v>
          </cell>
          <cell r="V170">
            <v>504</v>
          </cell>
          <cell r="W170">
            <v>222</v>
          </cell>
          <cell r="X170">
            <v>53</v>
          </cell>
          <cell r="Y170">
            <v>4</v>
          </cell>
        </row>
        <row r="171">
          <cell r="D171">
            <v>16637</v>
          </cell>
          <cell r="E171">
            <v>333</v>
          </cell>
          <cell r="F171">
            <v>603</v>
          </cell>
          <cell r="G171">
            <v>765</v>
          </cell>
          <cell r="H171">
            <v>787</v>
          </cell>
          <cell r="I171">
            <v>632</v>
          </cell>
          <cell r="J171">
            <v>399</v>
          </cell>
          <cell r="K171">
            <v>387</v>
          </cell>
          <cell r="L171">
            <v>600</v>
          </cell>
          <cell r="M171">
            <v>963</v>
          </cell>
          <cell r="N171">
            <v>1291</v>
          </cell>
          <cell r="O171">
            <v>1565</v>
          </cell>
          <cell r="P171">
            <v>1443</v>
          </cell>
          <cell r="Q171">
            <v>1139</v>
          </cell>
          <cell r="R171">
            <v>843</v>
          </cell>
          <cell r="S171">
            <v>955</v>
          </cell>
          <cell r="T171">
            <v>1404</v>
          </cell>
          <cell r="U171">
            <v>1103</v>
          </cell>
          <cell r="V171">
            <v>805</v>
          </cell>
          <cell r="W171">
            <v>443</v>
          </cell>
          <cell r="X171">
            <v>142</v>
          </cell>
          <cell r="Y171">
            <v>35</v>
          </cell>
        </row>
        <row r="176">
          <cell r="D176">
            <v>48702</v>
          </cell>
          <cell r="E176">
            <v>1604</v>
          </cell>
          <cell r="F176">
            <v>2026</v>
          </cell>
          <cell r="G176">
            <v>2206</v>
          </cell>
          <cell r="H176">
            <v>2279</v>
          </cell>
          <cell r="I176">
            <v>2278</v>
          </cell>
          <cell r="J176">
            <v>2376</v>
          </cell>
          <cell r="K176">
            <v>2510</v>
          </cell>
          <cell r="L176">
            <v>2821</v>
          </cell>
          <cell r="M176">
            <v>3003</v>
          </cell>
          <cell r="N176">
            <v>3642</v>
          </cell>
          <cell r="O176">
            <v>4092</v>
          </cell>
          <cell r="P176">
            <v>3398</v>
          </cell>
          <cell r="Q176">
            <v>2922</v>
          </cell>
          <cell r="R176">
            <v>2533</v>
          </cell>
          <cell r="S176">
            <v>2985</v>
          </cell>
          <cell r="T176">
            <v>3384</v>
          </cell>
          <cell r="U176">
            <v>2482</v>
          </cell>
          <cell r="V176">
            <v>1403</v>
          </cell>
          <cell r="W176">
            <v>587</v>
          </cell>
          <cell r="X176">
            <v>153</v>
          </cell>
          <cell r="Y176">
            <v>18</v>
          </cell>
        </row>
        <row r="177">
          <cell r="D177">
            <v>24747</v>
          </cell>
          <cell r="E177">
            <v>831</v>
          </cell>
          <cell r="F177">
            <v>1066</v>
          </cell>
          <cell r="G177">
            <v>1121</v>
          </cell>
          <cell r="H177">
            <v>1198</v>
          </cell>
          <cell r="I177">
            <v>1217</v>
          </cell>
          <cell r="J177">
            <v>1289</v>
          </cell>
          <cell r="K177">
            <v>1360</v>
          </cell>
          <cell r="L177">
            <v>1524</v>
          </cell>
          <cell r="M177">
            <v>1542</v>
          </cell>
          <cell r="N177">
            <v>1941</v>
          </cell>
          <cell r="O177">
            <v>2190</v>
          </cell>
          <cell r="P177">
            <v>1824</v>
          </cell>
          <cell r="Q177">
            <v>1527</v>
          </cell>
          <cell r="R177">
            <v>1247</v>
          </cell>
          <cell r="S177">
            <v>1413</v>
          </cell>
          <cell r="T177">
            <v>1541</v>
          </cell>
          <cell r="U177">
            <v>1103</v>
          </cell>
          <cell r="V177">
            <v>604</v>
          </cell>
          <cell r="W177">
            <v>185</v>
          </cell>
          <cell r="X177">
            <v>22</v>
          </cell>
          <cell r="Y177">
            <v>2</v>
          </cell>
        </row>
        <row r="178">
          <cell r="D178">
            <v>23955</v>
          </cell>
          <cell r="E178">
            <v>773</v>
          </cell>
          <cell r="F178">
            <v>960</v>
          </cell>
          <cell r="G178">
            <v>1085</v>
          </cell>
          <cell r="H178">
            <v>1081</v>
          </cell>
          <cell r="I178">
            <v>1061</v>
          </cell>
          <cell r="J178">
            <v>1087</v>
          </cell>
          <cell r="K178">
            <v>1150</v>
          </cell>
          <cell r="L178">
            <v>1297</v>
          </cell>
          <cell r="M178">
            <v>1461</v>
          </cell>
          <cell r="N178">
            <v>1701</v>
          </cell>
          <cell r="O178">
            <v>1902</v>
          </cell>
          <cell r="P178">
            <v>1574</v>
          </cell>
          <cell r="Q178">
            <v>1395</v>
          </cell>
          <cell r="R178">
            <v>1286</v>
          </cell>
          <cell r="S178">
            <v>1572</v>
          </cell>
          <cell r="T178">
            <v>1843</v>
          </cell>
          <cell r="U178">
            <v>1379</v>
          </cell>
          <cell r="V178">
            <v>799</v>
          </cell>
          <cell r="W178">
            <v>402</v>
          </cell>
          <cell r="X178">
            <v>131</v>
          </cell>
          <cell r="Y178">
            <v>16</v>
          </cell>
        </row>
        <row r="183">
          <cell r="D183">
            <v>31461</v>
          </cell>
          <cell r="E183">
            <v>709</v>
          </cell>
          <cell r="F183">
            <v>1140</v>
          </cell>
          <cell r="G183">
            <v>1311</v>
          </cell>
          <cell r="H183">
            <v>1414</v>
          </cell>
          <cell r="I183">
            <v>1227</v>
          </cell>
          <cell r="J183">
            <v>957</v>
          </cell>
          <cell r="K183">
            <v>1023</v>
          </cell>
          <cell r="L183">
            <v>1263</v>
          </cell>
          <cell r="M183">
            <v>1817</v>
          </cell>
          <cell r="N183">
            <v>2187</v>
          </cell>
          <cell r="O183">
            <v>2725</v>
          </cell>
          <cell r="P183">
            <v>2520</v>
          </cell>
          <cell r="Q183">
            <v>2174</v>
          </cell>
          <cell r="R183">
            <v>1956</v>
          </cell>
          <cell r="S183">
            <v>2150</v>
          </cell>
          <cell r="T183">
            <v>2773</v>
          </cell>
          <cell r="U183">
            <v>2045</v>
          </cell>
          <cell r="V183">
            <v>1270</v>
          </cell>
          <cell r="W183">
            <v>598</v>
          </cell>
          <cell r="X183">
            <v>172</v>
          </cell>
          <cell r="Y183">
            <v>30</v>
          </cell>
        </row>
        <row r="184">
          <cell r="D184">
            <v>15345</v>
          </cell>
          <cell r="E184">
            <v>353</v>
          </cell>
          <cell r="F184">
            <v>608</v>
          </cell>
          <cell r="G184">
            <v>657</v>
          </cell>
          <cell r="H184">
            <v>738</v>
          </cell>
          <cell r="I184">
            <v>616</v>
          </cell>
          <cell r="J184">
            <v>479</v>
          </cell>
          <cell r="K184">
            <v>530</v>
          </cell>
          <cell r="L184">
            <v>625</v>
          </cell>
          <cell r="M184">
            <v>893</v>
          </cell>
          <cell r="N184">
            <v>1117</v>
          </cell>
          <cell r="O184">
            <v>1410</v>
          </cell>
          <cell r="P184">
            <v>1328</v>
          </cell>
          <cell r="Q184">
            <v>1131</v>
          </cell>
          <cell r="R184">
            <v>940</v>
          </cell>
          <cell r="S184">
            <v>1017</v>
          </cell>
          <cell r="T184">
            <v>1261</v>
          </cell>
          <cell r="U184">
            <v>910</v>
          </cell>
          <cell r="V184">
            <v>508</v>
          </cell>
          <cell r="W184">
            <v>178</v>
          </cell>
          <cell r="X184">
            <v>45</v>
          </cell>
          <cell r="Y184">
            <v>1</v>
          </cell>
        </row>
        <row r="185">
          <cell r="D185">
            <v>16116</v>
          </cell>
          <cell r="E185">
            <v>356</v>
          </cell>
          <cell r="F185">
            <v>532</v>
          </cell>
          <cell r="G185">
            <v>654</v>
          </cell>
          <cell r="H185">
            <v>676</v>
          </cell>
          <cell r="I185">
            <v>611</v>
          </cell>
          <cell r="J185">
            <v>478</v>
          </cell>
          <cell r="K185">
            <v>493</v>
          </cell>
          <cell r="L185">
            <v>638</v>
          </cell>
          <cell r="M185">
            <v>924</v>
          </cell>
          <cell r="N185">
            <v>1070</v>
          </cell>
          <cell r="O185">
            <v>1315</v>
          </cell>
          <cell r="P185">
            <v>1192</v>
          </cell>
          <cell r="Q185">
            <v>1043</v>
          </cell>
          <cell r="R185">
            <v>1016</v>
          </cell>
          <cell r="S185">
            <v>1133</v>
          </cell>
          <cell r="T185">
            <v>1512</v>
          </cell>
          <cell r="U185">
            <v>1135</v>
          </cell>
          <cell r="V185">
            <v>762</v>
          </cell>
          <cell r="W185">
            <v>420</v>
          </cell>
          <cell r="X185">
            <v>127</v>
          </cell>
          <cell r="Y185">
            <v>29</v>
          </cell>
        </row>
        <row r="186">
          <cell r="D186">
            <v>27172</v>
          </cell>
          <cell r="E186">
            <v>564</v>
          </cell>
          <cell r="F186">
            <v>888</v>
          </cell>
          <cell r="G186">
            <v>1005</v>
          </cell>
          <cell r="H186">
            <v>1116</v>
          </cell>
          <cell r="I186">
            <v>1122</v>
          </cell>
          <cell r="J186">
            <v>968</v>
          </cell>
          <cell r="K186">
            <v>920</v>
          </cell>
          <cell r="L186">
            <v>1237</v>
          </cell>
          <cell r="M186">
            <v>1450</v>
          </cell>
          <cell r="N186">
            <v>1795</v>
          </cell>
          <cell r="O186">
            <v>2144</v>
          </cell>
          <cell r="P186">
            <v>2185</v>
          </cell>
          <cell r="Q186">
            <v>1966</v>
          </cell>
          <cell r="R186">
            <v>1763</v>
          </cell>
          <cell r="S186">
            <v>1830</v>
          </cell>
          <cell r="T186">
            <v>2335</v>
          </cell>
          <cell r="U186">
            <v>1831</v>
          </cell>
          <cell r="V186">
            <v>1238</v>
          </cell>
          <cell r="W186">
            <v>622</v>
          </cell>
          <cell r="X186">
            <v>168</v>
          </cell>
          <cell r="Y186">
            <v>25</v>
          </cell>
        </row>
        <row r="187">
          <cell r="D187">
            <v>13158</v>
          </cell>
          <cell r="E187">
            <v>279</v>
          </cell>
          <cell r="F187">
            <v>460</v>
          </cell>
          <cell r="G187">
            <v>513</v>
          </cell>
          <cell r="H187">
            <v>570</v>
          </cell>
          <cell r="I187">
            <v>575</v>
          </cell>
          <cell r="J187">
            <v>489</v>
          </cell>
          <cell r="K187">
            <v>471</v>
          </cell>
          <cell r="L187">
            <v>620</v>
          </cell>
          <cell r="M187">
            <v>728</v>
          </cell>
          <cell r="N187">
            <v>900</v>
          </cell>
          <cell r="O187">
            <v>1078</v>
          </cell>
          <cell r="P187">
            <v>1129</v>
          </cell>
          <cell r="Q187">
            <v>977</v>
          </cell>
          <cell r="R187">
            <v>883</v>
          </cell>
          <cell r="S187">
            <v>869</v>
          </cell>
          <cell r="T187">
            <v>1054</v>
          </cell>
          <cell r="U187">
            <v>812</v>
          </cell>
          <cell r="V187">
            <v>490</v>
          </cell>
          <cell r="W187">
            <v>209</v>
          </cell>
          <cell r="X187">
            <v>51</v>
          </cell>
          <cell r="Y187">
            <v>1</v>
          </cell>
        </row>
        <row r="188">
          <cell r="D188">
            <v>14014</v>
          </cell>
          <cell r="E188">
            <v>285</v>
          </cell>
          <cell r="F188">
            <v>428</v>
          </cell>
          <cell r="G188">
            <v>492</v>
          </cell>
          <cell r="H188">
            <v>546</v>
          </cell>
          <cell r="I188">
            <v>547</v>
          </cell>
          <cell r="J188">
            <v>479</v>
          </cell>
          <cell r="K188">
            <v>449</v>
          </cell>
          <cell r="L188">
            <v>617</v>
          </cell>
          <cell r="M188">
            <v>722</v>
          </cell>
          <cell r="N188">
            <v>895</v>
          </cell>
          <cell r="O188">
            <v>1066</v>
          </cell>
          <cell r="P188">
            <v>1056</v>
          </cell>
          <cell r="Q188">
            <v>989</v>
          </cell>
          <cell r="R188">
            <v>880</v>
          </cell>
          <cell r="S188">
            <v>961</v>
          </cell>
          <cell r="T188">
            <v>1281</v>
          </cell>
          <cell r="U188">
            <v>1019</v>
          </cell>
          <cell r="V188">
            <v>748</v>
          </cell>
          <cell r="W188">
            <v>413</v>
          </cell>
          <cell r="X188">
            <v>117</v>
          </cell>
          <cell r="Y188">
            <v>24</v>
          </cell>
        </row>
        <row r="193">
          <cell r="D193">
            <v>8803</v>
          </cell>
          <cell r="E193">
            <v>171</v>
          </cell>
          <cell r="F193">
            <v>232</v>
          </cell>
          <cell r="G193">
            <v>281</v>
          </cell>
          <cell r="H193">
            <v>396</v>
          </cell>
          <cell r="I193">
            <v>427</v>
          </cell>
          <cell r="J193">
            <v>379</v>
          </cell>
          <cell r="K193">
            <v>277</v>
          </cell>
          <cell r="L193">
            <v>369</v>
          </cell>
          <cell r="M193">
            <v>441</v>
          </cell>
          <cell r="N193">
            <v>642</v>
          </cell>
          <cell r="O193">
            <v>768</v>
          </cell>
          <cell r="P193">
            <v>642</v>
          </cell>
          <cell r="Q193">
            <v>544</v>
          </cell>
          <cell r="R193">
            <v>565</v>
          </cell>
          <cell r="S193">
            <v>732</v>
          </cell>
          <cell r="T193">
            <v>860</v>
          </cell>
          <cell r="U193">
            <v>574</v>
          </cell>
          <cell r="V193">
            <v>336</v>
          </cell>
          <cell r="W193">
            <v>112</v>
          </cell>
          <cell r="X193">
            <v>46</v>
          </cell>
          <cell r="Y193">
            <v>9</v>
          </cell>
        </row>
        <row r="194">
          <cell r="D194">
            <v>4442</v>
          </cell>
          <cell r="E194">
            <v>90</v>
          </cell>
          <cell r="F194">
            <v>120</v>
          </cell>
          <cell r="G194">
            <v>141</v>
          </cell>
          <cell r="H194">
            <v>188</v>
          </cell>
          <cell r="I194">
            <v>235</v>
          </cell>
          <cell r="J194">
            <v>231</v>
          </cell>
          <cell r="K194">
            <v>155</v>
          </cell>
          <cell r="L194">
            <v>193</v>
          </cell>
          <cell r="M194">
            <v>237</v>
          </cell>
          <cell r="N194">
            <v>354</v>
          </cell>
          <cell r="O194">
            <v>393</v>
          </cell>
          <cell r="P194">
            <v>348</v>
          </cell>
          <cell r="Q194">
            <v>271</v>
          </cell>
          <cell r="R194">
            <v>292</v>
          </cell>
          <cell r="S194">
            <v>334</v>
          </cell>
          <cell r="T194">
            <v>398</v>
          </cell>
          <cell r="U194">
            <v>264</v>
          </cell>
          <cell r="V194">
            <v>144</v>
          </cell>
          <cell r="W194">
            <v>41</v>
          </cell>
          <cell r="X194">
            <v>12</v>
          </cell>
          <cell r="Y194">
            <v>1</v>
          </cell>
        </row>
        <row r="195">
          <cell r="D195">
            <v>4361</v>
          </cell>
          <cell r="E195">
            <v>81</v>
          </cell>
          <cell r="F195">
            <v>112</v>
          </cell>
          <cell r="G195">
            <v>140</v>
          </cell>
          <cell r="H195">
            <v>208</v>
          </cell>
          <cell r="I195">
            <v>192</v>
          </cell>
          <cell r="J195">
            <v>148</v>
          </cell>
          <cell r="K195">
            <v>122</v>
          </cell>
          <cell r="L195">
            <v>176</v>
          </cell>
          <cell r="M195">
            <v>204</v>
          </cell>
          <cell r="N195">
            <v>288</v>
          </cell>
          <cell r="O195">
            <v>375</v>
          </cell>
          <cell r="P195">
            <v>294</v>
          </cell>
          <cell r="Q195">
            <v>273</v>
          </cell>
          <cell r="R195">
            <v>273</v>
          </cell>
          <cell r="S195">
            <v>398</v>
          </cell>
          <cell r="T195">
            <v>462</v>
          </cell>
          <cell r="U195">
            <v>310</v>
          </cell>
          <cell r="V195">
            <v>192</v>
          </cell>
          <cell r="W195">
            <v>71</v>
          </cell>
          <cell r="X195">
            <v>34</v>
          </cell>
          <cell r="Y195">
            <v>8</v>
          </cell>
        </row>
        <row r="196">
          <cell r="D196">
            <v>17263</v>
          </cell>
          <cell r="E196">
            <v>537</v>
          </cell>
          <cell r="F196">
            <v>653</v>
          </cell>
          <cell r="G196">
            <v>657</v>
          </cell>
          <cell r="H196">
            <v>847</v>
          </cell>
          <cell r="I196">
            <v>844</v>
          </cell>
          <cell r="J196">
            <v>853</v>
          </cell>
          <cell r="K196">
            <v>789</v>
          </cell>
          <cell r="L196">
            <v>836</v>
          </cell>
          <cell r="M196">
            <v>937</v>
          </cell>
          <cell r="N196">
            <v>1234</v>
          </cell>
          <cell r="O196">
            <v>1584</v>
          </cell>
          <cell r="P196">
            <v>1349</v>
          </cell>
          <cell r="Q196">
            <v>1121</v>
          </cell>
          <cell r="R196">
            <v>914</v>
          </cell>
          <cell r="S196">
            <v>1077</v>
          </cell>
          <cell r="T196">
            <v>1275</v>
          </cell>
          <cell r="U196">
            <v>909</v>
          </cell>
          <cell r="V196">
            <v>520</v>
          </cell>
          <cell r="W196">
            <v>256</v>
          </cell>
          <cell r="X196">
            <v>63</v>
          </cell>
          <cell r="Y196">
            <v>8</v>
          </cell>
        </row>
        <row r="197">
          <cell r="D197">
            <v>8495</v>
          </cell>
          <cell r="E197">
            <v>258</v>
          </cell>
          <cell r="F197">
            <v>340</v>
          </cell>
          <cell r="G197">
            <v>324</v>
          </cell>
          <cell r="H197">
            <v>420</v>
          </cell>
          <cell r="I197">
            <v>427</v>
          </cell>
          <cell r="J197">
            <v>449</v>
          </cell>
          <cell r="K197">
            <v>417</v>
          </cell>
          <cell r="L197">
            <v>436</v>
          </cell>
          <cell r="M197">
            <v>493</v>
          </cell>
          <cell r="N197">
            <v>641</v>
          </cell>
          <cell r="O197">
            <v>806</v>
          </cell>
          <cell r="P197">
            <v>695</v>
          </cell>
          <cell r="Q197">
            <v>561</v>
          </cell>
          <cell r="R197">
            <v>477</v>
          </cell>
          <cell r="S197">
            <v>504</v>
          </cell>
          <cell r="T197">
            <v>566</v>
          </cell>
          <cell r="U197">
            <v>387</v>
          </cell>
          <cell r="V197">
            <v>204</v>
          </cell>
          <cell r="W197">
            <v>81</v>
          </cell>
          <cell r="X197">
            <v>9</v>
          </cell>
          <cell r="Y197">
            <v>0</v>
          </cell>
        </row>
        <row r="198">
          <cell r="D198">
            <v>8768</v>
          </cell>
          <cell r="E198">
            <v>279</v>
          </cell>
          <cell r="F198">
            <v>313</v>
          </cell>
          <cell r="G198">
            <v>333</v>
          </cell>
          <cell r="H198">
            <v>427</v>
          </cell>
          <cell r="I198">
            <v>417</v>
          </cell>
          <cell r="J198">
            <v>404</v>
          </cell>
          <cell r="K198">
            <v>372</v>
          </cell>
          <cell r="L198">
            <v>400</v>
          </cell>
          <cell r="M198">
            <v>444</v>
          </cell>
          <cell r="N198">
            <v>593</v>
          </cell>
          <cell r="O198">
            <v>778</v>
          </cell>
          <cell r="P198">
            <v>654</v>
          </cell>
          <cell r="Q198">
            <v>560</v>
          </cell>
          <cell r="R198">
            <v>437</v>
          </cell>
          <cell r="S198">
            <v>573</v>
          </cell>
          <cell r="T198">
            <v>709</v>
          </cell>
          <cell r="U198">
            <v>522</v>
          </cell>
          <cell r="V198">
            <v>316</v>
          </cell>
          <cell r="W198">
            <v>175</v>
          </cell>
          <cell r="X198">
            <v>54</v>
          </cell>
          <cell r="Y198">
            <v>8</v>
          </cell>
        </row>
        <row r="199">
          <cell r="D199">
            <v>10392</v>
          </cell>
          <cell r="E199">
            <v>249</v>
          </cell>
          <cell r="F199">
            <v>334</v>
          </cell>
          <cell r="G199">
            <v>341</v>
          </cell>
          <cell r="H199">
            <v>368</v>
          </cell>
          <cell r="I199">
            <v>450</v>
          </cell>
          <cell r="J199">
            <v>451</v>
          </cell>
          <cell r="K199">
            <v>433</v>
          </cell>
          <cell r="L199">
            <v>504</v>
          </cell>
          <cell r="M199">
            <v>554</v>
          </cell>
          <cell r="N199">
            <v>641</v>
          </cell>
          <cell r="O199">
            <v>775</v>
          </cell>
          <cell r="P199">
            <v>803</v>
          </cell>
          <cell r="Q199">
            <v>765</v>
          </cell>
          <cell r="R199">
            <v>683</v>
          </cell>
          <cell r="S199">
            <v>777</v>
          </cell>
          <cell r="T199">
            <v>867</v>
          </cell>
          <cell r="U199">
            <v>657</v>
          </cell>
          <cell r="V199">
            <v>439</v>
          </cell>
          <cell r="W199">
            <v>220</v>
          </cell>
          <cell r="X199">
            <v>68</v>
          </cell>
          <cell r="Y199">
            <v>13</v>
          </cell>
        </row>
        <row r="200">
          <cell r="D200">
            <v>5117</v>
          </cell>
          <cell r="E200">
            <v>121</v>
          </cell>
          <cell r="F200">
            <v>184</v>
          </cell>
          <cell r="G200">
            <v>181</v>
          </cell>
          <cell r="H200">
            <v>186</v>
          </cell>
          <cell r="I200">
            <v>224</v>
          </cell>
          <cell r="J200">
            <v>229</v>
          </cell>
          <cell r="K200">
            <v>232</v>
          </cell>
          <cell r="L200">
            <v>268</v>
          </cell>
          <cell r="M200">
            <v>275</v>
          </cell>
          <cell r="N200">
            <v>344</v>
          </cell>
          <cell r="O200">
            <v>415</v>
          </cell>
          <cell r="P200">
            <v>417</v>
          </cell>
          <cell r="Q200">
            <v>406</v>
          </cell>
          <cell r="R200">
            <v>328</v>
          </cell>
          <cell r="S200">
            <v>394</v>
          </cell>
          <cell r="T200">
            <v>400</v>
          </cell>
          <cell r="U200">
            <v>270</v>
          </cell>
          <cell r="V200">
            <v>173</v>
          </cell>
          <cell r="W200">
            <v>58</v>
          </cell>
          <cell r="X200">
            <v>11</v>
          </cell>
          <cell r="Y200">
            <v>1</v>
          </cell>
        </row>
        <row r="201">
          <cell r="D201">
            <v>5275</v>
          </cell>
          <cell r="E201">
            <v>128</v>
          </cell>
          <cell r="F201">
            <v>150</v>
          </cell>
          <cell r="G201">
            <v>160</v>
          </cell>
          <cell r="H201">
            <v>182</v>
          </cell>
          <cell r="I201">
            <v>226</v>
          </cell>
          <cell r="J201">
            <v>222</v>
          </cell>
          <cell r="K201">
            <v>201</v>
          </cell>
          <cell r="L201">
            <v>236</v>
          </cell>
          <cell r="M201">
            <v>279</v>
          </cell>
          <cell r="N201">
            <v>297</v>
          </cell>
          <cell r="O201">
            <v>360</v>
          </cell>
          <cell r="P201">
            <v>386</v>
          </cell>
          <cell r="Q201">
            <v>359</v>
          </cell>
          <cell r="R201">
            <v>355</v>
          </cell>
          <cell r="S201">
            <v>383</v>
          </cell>
          <cell r="T201">
            <v>467</v>
          </cell>
          <cell r="U201">
            <v>387</v>
          </cell>
          <cell r="V201">
            <v>266</v>
          </cell>
          <cell r="W201">
            <v>162</v>
          </cell>
          <cell r="X201">
            <v>57</v>
          </cell>
          <cell r="Y201">
            <v>12</v>
          </cell>
        </row>
        <row r="202">
          <cell r="D202">
            <v>9105</v>
          </cell>
          <cell r="E202">
            <v>129</v>
          </cell>
          <cell r="F202">
            <v>219</v>
          </cell>
          <cell r="G202">
            <v>324</v>
          </cell>
          <cell r="H202">
            <v>321</v>
          </cell>
          <cell r="I202">
            <v>328</v>
          </cell>
          <cell r="J202">
            <v>301</v>
          </cell>
          <cell r="K202">
            <v>291</v>
          </cell>
          <cell r="L202">
            <v>379</v>
          </cell>
          <cell r="M202">
            <v>424</v>
          </cell>
          <cell r="N202">
            <v>536</v>
          </cell>
          <cell r="O202">
            <v>596</v>
          </cell>
          <cell r="P202">
            <v>636</v>
          </cell>
          <cell r="Q202">
            <v>658</v>
          </cell>
          <cell r="R202">
            <v>766</v>
          </cell>
          <cell r="S202">
            <v>854</v>
          </cell>
          <cell r="T202">
            <v>1014</v>
          </cell>
          <cell r="U202">
            <v>580</v>
          </cell>
          <cell r="V202">
            <v>427</v>
          </cell>
          <cell r="W202">
            <v>246</v>
          </cell>
          <cell r="X202">
            <v>70</v>
          </cell>
          <cell r="Y202">
            <v>6</v>
          </cell>
        </row>
        <row r="203">
          <cell r="D203">
            <v>4481</v>
          </cell>
          <cell r="E203">
            <v>68</v>
          </cell>
          <cell r="F203">
            <v>113</v>
          </cell>
          <cell r="G203">
            <v>152</v>
          </cell>
          <cell r="H203">
            <v>164</v>
          </cell>
          <cell r="I203">
            <v>181</v>
          </cell>
          <cell r="J203">
            <v>164</v>
          </cell>
          <cell r="K203">
            <v>163</v>
          </cell>
          <cell r="L203">
            <v>205</v>
          </cell>
          <cell r="M203">
            <v>237</v>
          </cell>
          <cell r="N203">
            <v>296</v>
          </cell>
          <cell r="O203">
            <v>294</v>
          </cell>
          <cell r="P203">
            <v>322</v>
          </cell>
          <cell r="Q203">
            <v>345</v>
          </cell>
          <cell r="R203">
            <v>395</v>
          </cell>
          <cell r="S203">
            <v>414</v>
          </cell>
          <cell r="T203">
            <v>476</v>
          </cell>
          <cell r="U203">
            <v>262</v>
          </cell>
          <cell r="V203">
            <v>149</v>
          </cell>
          <cell r="W203">
            <v>68</v>
          </cell>
          <cell r="X203">
            <v>11</v>
          </cell>
          <cell r="Y203">
            <v>2</v>
          </cell>
        </row>
        <row r="204">
          <cell r="D204">
            <v>4624</v>
          </cell>
          <cell r="E204">
            <v>61</v>
          </cell>
          <cell r="F204">
            <v>106</v>
          </cell>
          <cell r="G204">
            <v>172</v>
          </cell>
          <cell r="H204">
            <v>157</v>
          </cell>
          <cell r="I204">
            <v>147</v>
          </cell>
          <cell r="J204">
            <v>137</v>
          </cell>
          <cell r="K204">
            <v>128</v>
          </cell>
          <cell r="L204">
            <v>174</v>
          </cell>
          <cell r="M204">
            <v>187</v>
          </cell>
          <cell r="N204">
            <v>240</v>
          </cell>
          <cell r="O204">
            <v>302</v>
          </cell>
          <cell r="P204">
            <v>314</v>
          </cell>
          <cell r="Q204">
            <v>313</v>
          </cell>
          <cell r="R204">
            <v>371</v>
          </cell>
          <cell r="S204">
            <v>440</v>
          </cell>
          <cell r="T204">
            <v>538</v>
          </cell>
          <cell r="U204">
            <v>318</v>
          </cell>
          <cell r="V204">
            <v>278</v>
          </cell>
          <cell r="W204">
            <v>178</v>
          </cell>
          <cell r="X204">
            <v>59</v>
          </cell>
          <cell r="Y204">
            <v>4</v>
          </cell>
        </row>
        <row r="205">
          <cell r="D205">
            <v>18539</v>
          </cell>
          <cell r="E205">
            <v>702</v>
          </cell>
          <cell r="F205">
            <v>878</v>
          </cell>
          <cell r="G205">
            <v>978</v>
          </cell>
          <cell r="H205">
            <v>927</v>
          </cell>
          <cell r="I205">
            <v>867</v>
          </cell>
          <cell r="J205">
            <v>775</v>
          </cell>
          <cell r="K205">
            <v>927</v>
          </cell>
          <cell r="L205">
            <v>1014</v>
          </cell>
          <cell r="M205">
            <v>1313</v>
          </cell>
          <cell r="N205">
            <v>1348</v>
          </cell>
          <cell r="O205">
            <v>1627</v>
          </cell>
          <cell r="P205">
            <v>1345</v>
          </cell>
          <cell r="Q205">
            <v>1115</v>
          </cell>
          <cell r="R205">
            <v>893</v>
          </cell>
          <cell r="S205">
            <v>985</v>
          </cell>
          <cell r="T205">
            <v>1097</v>
          </cell>
          <cell r="U205">
            <v>855</v>
          </cell>
          <cell r="V205">
            <v>536</v>
          </cell>
          <cell r="W205">
            <v>266</v>
          </cell>
          <cell r="X205">
            <v>73</v>
          </cell>
          <cell r="Y205">
            <v>18</v>
          </cell>
        </row>
        <row r="206">
          <cell r="D206">
            <v>9004</v>
          </cell>
          <cell r="E206">
            <v>340</v>
          </cell>
          <cell r="F206">
            <v>428</v>
          </cell>
          <cell r="G206">
            <v>502</v>
          </cell>
          <cell r="H206">
            <v>470</v>
          </cell>
          <cell r="I206">
            <v>429</v>
          </cell>
          <cell r="J206">
            <v>396</v>
          </cell>
          <cell r="K206">
            <v>456</v>
          </cell>
          <cell r="L206">
            <v>516</v>
          </cell>
          <cell r="M206">
            <v>656</v>
          </cell>
          <cell r="N206">
            <v>670</v>
          </cell>
          <cell r="O206">
            <v>842</v>
          </cell>
          <cell r="P206">
            <v>690</v>
          </cell>
          <cell r="Q206">
            <v>554</v>
          </cell>
          <cell r="R206">
            <v>451</v>
          </cell>
          <cell r="S206">
            <v>448</v>
          </cell>
          <cell r="T206">
            <v>489</v>
          </cell>
          <cell r="U206">
            <v>354</v>
          </cell>
          <cell r="V206">
            <v>226</v>
          </cell>
          <cell r="W206">
            <v>72</v>
          </cell>
          <cell r="X206">
            <v>12</v>
          </cell>
          <cell r="Y206">
            <v>3</v>
          </cell>
        </row>
        <row r="207">
          <cell r="D207">
            <v>9535</v>
          </cell>
          <cell r="E207">
            <v>362</v>
          </cell>
          <cell r="F207">
            <v>450</v>
          </cell>
          <cell r="G207">
            <v>476</v>
          </cell>
          <cell r="H207">
            <v>457</v>
          </cell>
          <cell r="I207">
            <v>438</v>
          </cell>
          <cell r="J207">
            <v>379</v>
          </cell>
          <cell r="K207">
            <v>471</v>
          </cell>
          <cell r="L207">
            <v>498</v>
          </cell>
          <cell r="M207">
            <v>657</v>
          </cell>
          <cell r="N207">
            <v>678</v>
          </cell>
          <cell r="O207">
            <v>785</v>
          </cell>
          <cell r="P207">
            <v>655</v>
          </cell>
          <cell r="Q207">
            <v>561</v>
          </cell>
          <cell r="R207">
            <v>442</v>
          </cell>
          <cell r="S207">
            <v>537</v>
          </cell>
          <cell r="T207">
            <v>608</v>
          </cell>
          <cell r="U207">
            <v>501</v>
          </cell>
          <cell r="V207">
            <v>310</v>
          </cell>
          <cell r="W207">
            <v>194</v>
          </cell>
          <cell r="X207">
            <v>61</v>
          </cell>
          <cell r="Y207">
            <v>15</v>
          </cell>
        </row>
        <row r="212">
          <cell r="D212">
            <v>10719</v>
          </cell>
          <cell r="E212">
            <v>144</v>
          </cell>
          <cell r="F212">
            <v>187</v>
          </cell>
          <cell r="G212">
            <v>224</v>
          </cell>
          <cell r="H212">
            <v>322</v>
          </cell>
          <cell r="I212">
            <v>957</v>
          </cell>
          <cell r="J212">
            <v>836</v>
          </cell>
          <cell r="K212">
            <v>620</v>
          </cell>
          <cell r="L212">
            <v>470</v>
          </cell>
          <cell r="M212">
            <v>417</v>
          </cell>
          <cell r="N212">
            <v>485</v>
          </cell>
          <cell r="O212">
            <v>672</v>
          </cell>
          <cell r="P212">
            <v>666</v>
          </cell>
          <cell r="Q212">
            <v>714</v>
          </cell>
          <cell r="R212">
            <v>715</v>
          </cell>
          <cell r="S212">
            <v>820</v>
          </cell>
          <cell r="T212">
            <v>1011</v>
          </cell>
          <cell r="U212">
            <v>701</v>
          </cell>
          <cell r="V212">
            <v>442</v>
          </cell>
          <cell r="W212">
            <v>234</v>
          </cell>
          <cell r="X212">
            <v>66</v>
          </cell>
          <cell r="Y212">
            <v>16</v>
          </cell>
        </row>
        <row r="213">
          <cell r="D213">
            <v>5163</v>
          </cell>
          <cell r="E213">
            <v>78</v>
          </cell>
          <cell r="F213">
            <v>96</v>
          </cell>
          <cell r="G213">
            <v>112</v>
          </cell>
          <cell r="H213">
            <v>162</v>
          </cell>
          <cell r="I213">
            <v>421</v>
          </cell>
          <cell r="J213">
            <v>399</v>
          </cell>
          <cell r="K213">
            <v>315</v>
          </cell>
          <cell r="L213">
            <v>258</v>
          </cell>
          <cell r="M213">
            <v>247</v>
          </cell>
          <cell r="N213">
            <v>255</v>
          </cell>
          <cell r="O213">
            <v>345</v>
          </cell>
          <cell r="P213">
            <v>352</v>
          </cell>
          <cell r="Q213">
            <v>372</v>
          </cell>
          <cell r="R213">
            <v>357</v>
          </cell>
          <cell r="S213">
            <v>411</v>
          </cell>
          <cell r="T213">
            <v>456</v>
          </cell>
          <cell r="U213">
            <v>298</v>
          </cell>
          <cell r="V213">
            <v>158</v>
          </cell>
          <cell r="W213">
            <v>60</v>
          </cell>
          <cell r="X213">
            <v>10</v>
          </cell>
          <cell r="Y213">
            <v>1</v>
          </cell>
        </row>
        <row r="214">
          <cell r="D214">
            <v>5556</v>
          </cell>
          <cell r="E214">
            <v>66</v>
          </cell>
          <cell r="F214">
            <v>91</v>
          </cell>
          <cell r="G214">
            <v>112</v>
          </cell>
          <cell r="H214">
            <v>160</v>
          </cell>
          <cell r="I214">
            <v>536</v>
          </cell>
          <cell r="J214">
            <v>437</v>
          </cell>
          <cell r="K214">
            <v>305</v>
          </cell>
          <cell r="L214">
            <v>212</v>
          </cell>
          <cell r="M214">
            <v>170</v>
          </cell>
          <cell r="N214">
            <v>230</v>
          </cell>
          <cell r="O214">
            <v>327</v>
          </cell>
          <cell r="P214">
            <v>314</v>
          </cell>
          <cell r="Q214">
            <v>342</v>
          </cell>
          <cell r="R214">
            <v>358</v>
          </cell>
          <cell r="S214">
            <v>409</v>
          </cell>
          <cell r="T214">
            <v>555</v>
          </cell>
          <cell r="U214">
            <v>403</v>
          </cell>
          <cell r="V214">
            <v>284</v>
          </cell>
          <cell r="W214">
            <v>174</v>
          </cell>
          <cell r="X214">
            <v>56</v>
          </cell>
          <cell r="Y214">
            <v>15</v>
          </cell>
        </row>
        <row r="215">
          <cell r="D215">
            <v>6373</v>
          </cell>
          <cell r="E215">
            <v>75</v>
          </cell>
          <cell r="F215">
            <v>129</v>
          </cell>
          <cell r="G215">
            <v>178</v>
          </cell>
          <cell r="H215">
            <v>179</v>
          </cell>
          <cell r="I215">
            <v>174</v>
          </cell>
          <cell r="J215">
            <v>148</v>
          </cell>
          <cell r="K215">
            <v>188</v>
          </cell>
          <cell r="L215">
            <v>229</v>
          </cell>
          <cell r="M215">
            <v>274</v>
          </cell>
          <cell r="N215">
            <v>310</v>
          </cell>
          <cell r="O215">
            <v>454</v>
          </cell>
          <cell r="P215">
            <v>519</v>
          </cell>
          <cell r="Q215">
            <v>585</v>
          </cell>
          <cell r="R215">
            <v>548</v>
          </cell>
          <cell r="S215">
            <v>590</v>
          </cell>
          <cell r="T215">
            <v>704</v>
          </cell>
          <cell r="U215">
            <v>536</v>
          </cell>
          <cell r="V215">
            <v>330</v>
          </cell>
          <cell r="W215">
            <v>161</v>
          </cell>
          <cell r="X215">
            <v>49</v>
          </cell>
          <cell r="Y215">
            <v>13</v>
          </cell>
        </row>
        <row r="216">
          <cell r="D216">
            <v>2981</v>
          </cell>
          <cell r="E216">
            <v>38</v>
          </cell>
          <cell r="F216">
            <v>53</v>
          </cell>
          <cell r="G216">
            <v>94</v>
          </cell>
          <cell r="H216">
            <v>84</v>
          </cell>
          <cell r="I216">
            <v>89</v>
          </cell>
          <cell r="J216">
            <v>65</v>
          </cell>
          <cell r="K216">
            <v>107</v>
          </cell>
          <cell r="L216">
            <v>109</v>
          </cell>
          <cell r="M216">
            <v>152</v>
          </cell>
          <cell r="N216">
            <v>145</v>
          </cell>
          <cell r="O216">
            <v>235</v>
          </cell>
          <cell r="P216">
            <v>252</v>
          </cell>
          <cell r="Q216">
            <v>284</v>
          </cell>
          <cell r="R216">
            <v>274</v>
          </cell>
          <cell r="S216">
            <v>296</v>
          </cell>
          <cell r="T216">
            <v>313</v>
          </cell>
          <cell r="U216">
            <v>220</v>
          </cell>
          <cell r="V216">
            <v>111</v>
          </cell>
          <cell r="W216">
            <v>46</v>
          </cell>
          <cell r="X216">
            <v>10</v>
          </cell>
          <cell r="Y216">
            <v>4</v>
          </cell>
        </row>
        <row r="217">
          <cell r="D217">
            <v>3392</v>
          </cell>
          <cell r="E217">
            <v>37</v>
          </cell>
          <cell r="F217">
            <v>76</v>
          </cell>
          <cell r="G217">
            <v>84</v>
          </cell>
          <cell r="H217">
            <v>95</v>
          </cell>
          <cell r="I217">
            <v>85</v>
          </cell>
          <cell r="J217">
            <v>83</v>
          </cell>
          <cell r="K217">
            <v>81</v>
          </cell>
          <cell r="L217">
            <v>120</v>
          </cell>
          <cell r="M217">
            <v>122</v>
          </cell>
          <cell r="N217">
            <v>165</v>
          </cell>
          <cell r="O217">
            <v>219</v>
          </cell>
          <cell r="P217">
            <v>267</v>
          </cell>
          <cell r="Q217">
            <v>301</v>
          </cell>
          <cell r="R217">
            <v>274</v>
          </cell>
          <cell r="S217">
            <v>294</v>
          </cell>
          <cell r="T217">
            <v>391</v>
          </cell>
          <cell r="U217">
            <v>316</v>
          </cell>
          <cell r="V217">
            <v>219</v>
          </cell>
          <cell r="W217">
            <v>115</v>
          </cell>
          <cell r="X217">
            <v>39</v>
          </cell>
          <cell r="Y217">
            <v>9</v>
          </cell>
        </row>
        <row r="218">
          <cell r="D218">
            <v>22793</v>
          </cell>
          <cell r="E218">
            <v>330</v>
          </cell>
          <cell r="F218">
            <v>417</v>
          </cell>
          <cell r="G218">
            <v>624</v>
          </cell>
          <cell r="H218">
            <v>766</v>
          </cell>
          <cell r="I218">
            <v>863</v>
          </cell>
          <cell r="J218">
            <v>905</v>
          </cell>
          <cell r="K218">
            <v>771</v>
          </cell>
          <cell r="L218">
            <v>743</v>
          </cell>
          <cell r="M218">
            <v>864</v>
          </cell>
          <cell r="N218">
            <v>1220</v>
          </cell>
          <cell r="O218">
            <v>1710</v>
          </cell>
          <cell r="P218">
            <v>1791</v>
          </cell>
          <cell r="Q218">
            <v>1802</v>
          </cell>
          <cell r="R218">
            <v>1690</v>
          </cell>
          <cell r="S218">
            <v>2014</v>
          </cell>
          <cell r="T218">
            <v>2367</v>
          </cell>
          <cell r="U218">
            <v>1912</v>
          </cell>
          <cell r="V218">
            <v>1214</v>
          </cell>
          <cell r="W218">
            <v>606</v>
          </cell>
          <cell r="X218">
            <v>161</v>
          </cell>
          <cell r="Y218">
            <v>23</v>
          </cell>
        </row>
        <row r="219">
          <cell r="D219">
            <v>10742</v>
          </cell>
          <cell r="E219">
            <v>167</v>
          </cell>
          <cell r="F219">
            <v>223</v>
          </cell>
          <cell r="G219">
            <v>340</v>
          </cell>
          <cell r="H219">
            <v>407</v>
          </cell>
          <cell r="I219">
            <v>457</v>
          </cell>
          <cell r="J219">
            <v>436</v>
          </cell>
          <cell r="K219">
            <v>386</v>
          </cell>
          <cell r="L219">
            <v>392</v>
          </cell>
          <cell r="M219">
            <v>425</v>
          </cell>
          <cell r="N219">
            <v>614</v>
          </cell>
          <cell r="O219">
            <v>889</v>
          </cell>
          <cell r="P219">
            <v>889</v>
          </cell>
          <cell r="Q219">
            <v>937</v>
          </cell>
          <cell r="R219">
            <v>834</v>
          </cell>
          <cell r="S219">
            <v>925</v>
          </cell>
          <cell r="T219">
            <v>1026</v>
          </cell>
          <cell r="U219">
            <v>774</v>
          </cell>
          <cell r="V219">
            <v>425</v>
          </cell>
          <cell r="W219">
            <v>161</v>
          </cell>
          <cell r="X219">
            <v>32</v>
          </cell>
          <cell r="Y219">
            <v>3</v>
          </cell>
        </row>
        <row r="220">
          <cell r="D220">
            <v>12051</v>
          </cell>
          <cell r="E220">
            <v>163</v>
          </cell>
          <cell r="F220">
            <v>194</v>
          </cell>
          <cell r="G220">
            <v>284</v>
          </cell>
          <cell r="H220">
            <v>359</v>
          </cell>
          <cell r="I220">
            <v>406</v>
          </cell>
          <cell r="J220">
            <v>469</v>
          </cell>
          <cell r="K220">
            <v>385</v>
          </cell>
          <cell r="L220">
            <v>351</v>
          </cell>
          <cell r="M220">
            <v>439</v>
          </cell>
          <cell r="N220">
            <v>606</v>
          </cell>
          <cell r="O220">
            <v>821</v>
          </cell>
          <cell r="P220">
            <v>902</v>
          </cell>
          <cell r="Q220">
            <v>865</v>
          </cell>
          <cell r="R220">
            <v>856</v>
          </cell>
          <cell r="S220">
            <v>1089</v>
          </cell>
          <cell r="T220">
            <v>1341</v>
          </cell>
          <cell r="U220">
            <v>1138</v>
          </cell>
          <cell r="V220">
            <v>789</v>
          </cell>
          <cell r="W220">
            <v>445</v>
          </cell>
          <cell r="X220">
            <v>129</v>
          </cell>
          <cell r="Y220">
            <v>20</v>
          </cell>
        </row>
        <row r="225">
          <cell r="D225">
            <v>39169</v>
          </cell>
          <cell r="E225">
            <v>904</v>
          </cell>
          <cell r="F225">
            <v>1212</v>
          </cell>
          <cell r="G225">
            <v>1444</v>
          </cell>
          <cell r="H225">
            <v>1735</v>
          </cell>
          <cell r="I225">
            <v>2019</v>
          </cell>
          <cell r="J225">
            <v>2062</v>
          </cell>
          <cell r="K225">
            <v>1923</v>
          </cell>
          <cell r="L225">
            <v>1852</v>
          </cell>
          <cell r="M225">
            <v>2191</v>
          </cell>
          <cell r="N225">
            <v>2580</v>
          </cell>
          <cell r="O225">
            <v>3335</v>
          </cell>
          <cell r="P225">
            <v>3025</v>
          </cell>
          <cell r="Q225">
            <v>2516</v>
          </cell>
          <cell r="R225">
            <v>2415</v>
          </cell>
          <cell r="S225">
            <v>2854</v>
          </cell>
          <cell r="T225">
            <v>3222</v>
          </cell>
          <cell r="U225">
            <v>2072</v>
          </cell>
          <cell r="V225">
            <v>1219</v>
          </cell>
          <cell r="W225">
            <v>448</v>
          </cell>
          <cell r="X225">
            <v>119</v>
          </cell>
          <cell r="Y225">
            <v>22</v>
          </cell>
        </row>
        <row r="226">
          <cell r="D226">
            <v>20580</v>
          </cell>
          <cell r="E226">
            <v>470</v>
          </cell>
          <cell r="F226">
            <v>621</v>
          </cell>
          <cell r="G226">
            <v>764</v>
          </cell>
          <cell r="H226">
            <v>910</v>
          </cell>
          <cell r="I226">
            <v>1186</v>
          </cell>
          <cell r="J226">
            <v>1212</v>
          </cell>
          <cell r="K226">
            <v>1109</v>
          </cell>
          <cell r="L226">
            <v>1065</v>
          </cell>
          <cell r="M226">
            <v>1208</v>
          </cell>
          <cell r="N226">
            <v>1402</v>
          </cell>
          <cell r="O226">
            <v>1845</v>
          </cell>
          <cell r="P226">
            <v>1669</v>
          </cell>
          <cell r="Q226">
            <v>1316</v>
          </cell>
          <cell r="R226">
            <v>1249</v>
          </cell>
          <cell r="S226">
            <v>1419</v>
          </cell>
          <cell r="T226">
            <v>1530</v>
          </cell>
          <cell r="U226">
            <v>917</v>
          </cell>
          <cell r="V226">
            <v>502</v>
          </cell>
          <cell r="W226">
            <v>164</v>
          </cell>
          <cell r="X226">
            <v>22</v>
          </cell>
          <cell r="Y226">
            <v>0</v>
          </cell>
        </row>
        <row r="227">
          <cell r="D227">
            <v>18589</v>
          </cell>
          <cell r="E227">
            <v>434</v>
          </cell>
          <cell r="F227">
            <v>591</v>
          </cell>
          <cell r="G227">
            <v>680</v>
          </cell>
          <cell r="H227">
            <v>825</v>
          </cell>
          <cell r="I227">
            <v>833</v>
          </cell>
          <cell r="J227">
            <v>850</v>
          </cell>
          <cell r="K227">
            <v>814</v>
          </cell>
          <cell r="L227">
            <v>787</v>
          </cell>
          <cell r="M227">
            <v>983</v>
          </cell>
          <cell r="N227">
            <v>1178</v>
          </cell>
          <cell r="O227">
            <v>1490</v>
          </cell>
          <cell r="P227">
            <v>1356</v>
          </cell>
          <cell r="Q227">
            <v>1200</v>
          </cell>
          <cell r="R227">
            <v>1166</v>
          </cell>
          <cell r="S227">
            <v>1435</v>
          </cell>
          <cell r="T227">
            <v>1692</v>
          </cell>
          <cell r="U227">
            <v>1155</v>
          </cell>
          <cell r="V227">
            <v>717</v>
          </cell>
          <cell r="W227">
            <v>284</v>
          </cell>
          <cell r="X227">
            <v>97</v>
          </cell>
          <cell r="Y227">
            <v>22</v>
          </cell>
        </row>
        <row r="228">
          <cell r="D228">
            <v>2653</v>
          </cell>
          <cell r="E228">
            <v>39</v>
          </cell>
          <cell r="F228">
            <v>80</v>
          </cell>
          <cell r="G228">
            <v>88</v>
          </cell>
          <cell r="H228">
            <v>116</v>
          </cell>
          <cell r="I228">
            <v>97</v>
          </cell>
          <cell r="J228">
            <v>87</v>
          </cell>
          <cell r="K228">
            <v>82</v>
          </cell>
          <cell r="L228">
            <v>102</v>
          </cell>
          <cell r="M228">
            <v>142</v>
          </cell>
          <cell r="N228">
            <v>189</v>
          </cell>
          <cell r="O228">
            <v>220</v>
          </cell>
          <cell r="P228">
            <v>178</v>
          </cell>
          <cell r="Q228">
            <v>177</v>
          </cell>
          <cell r="R228">
            <v>208</v>
          </cell>
          <cell r="S228">
            <v>265</v>
          </cell>
          <cell r="T228">
            <v>268</v>
          </cell>
          <cell r="U228">
            <v>150</v>
          </cell>
          <cell r="V228">
            <v>102</v>
          </cell>
          <cell r="W228">
            <v>44</v>
          </cell>
          <cell r="X228">
            <v>17</v>
          </cell>
          <cell r="Y228">
            <v>2</v>
          </cell>
        </row>
        <row r="229">
          <cell r="D229">
            <v>1365</v>
          </cell>
          <cell r="E229">
            <v>16</v>
          </cell>
          <cell r="F229">
            <v>41</v>
          </cell>
          <cell r="G229">
            <v>42</v>
          </cell>
          <cell r="H229">
            <v>57</v>
          </cell>
          <cell r="I229">
            <v>56</v>
          </cell>
          <cell r="J229">
            <v>57</v>
          </cell>
          <cell r="K229">
            <v>50</v>
          </cell>
          <cell r="L229">
            <v>54</v>
          </cell>
          <cell r="M229">
            <v>80</v>
          </cell>
          <cell r="N229">
            <v>98</v>
          </cell>
          <cell r="O229">
            <v>126</v>
          </cell>
          <cell r="P229">
            <v>102</v>
          </cell>
          <cell r="Q229">
            <v>84</v>
          </cell>
          <cell r="R229">
            <v>105</v>
          </cell>
          <cell r="S229">
            <v>140</v>
          </cell>
          <cell r="T229">
            <v>131</v>
          </cell>
          <cell r="U229">
            <v>71</v>
          </cell>
          <cell r="V229">
            <v>36</v>
          </cell>
          <cell r="W229">
            <v>11</v>
          </cell>
          <cell r="X229">
            <v>8</v>
          </cell>
          <cell r="Y229">
            <v>0</v>
          </cell>
        </row>
        <row r="230">
          <cell r="D230">
            <v>1288</v>
          </cell>
          <cell r="E230">
            <v>23</v>
          </cell>
          <cell r="F230">
            <v>39</v>
          </cell>
          <cell r="G230">
            <v>46</v>
          </cell>
          <cell r="H230">
            <v>59</v>
          </cell>
          <cell r="I230">
            <v>41</v>
          </cell>
          <cell r="J230">
            <v>30</v>
          </cell>
          <cell r="K230">
            <v>32</v>
          </cell>
          <cell r="L230">
            <v>48</v>
          </cell>
          <cell r="M230">
            <v>62</v>
          </cell>
          <cell r="N230">
            <v>91</v>
          </cell>
          <cell r="O230">
            <v>94</v>
          </cell>
          <cell r="P230">
            <v>76</v>
          </cell>
          <cell r="Q230">
            <v>93</v>
          </cell>
          <cell r="R230">
            <v>103</v>
          </cell>
          <cell r="S230">
            <v>125</v>
          </cell>
          <cell r="T230">
            <v>137</v>
          </cell>
          <cell r="U230">
            <v>79</v>
          </cell>
          <cell r="V230">
            <v>66</v>
          </cell>
          <cell r="W230">
            <v>33</v>
          </cell>
          <cell r="X230">
            <v>9</v>
          </cell>
          <cell r="Y230">
            <v>2</v>
          </cell>
        </row>
      </sheetData>
      <sheetData sheetId="3">
        <row r="6">
          <cell r="D6">
            <v>8884908</v>
          </cell>
          <cell r="E6">
            <v>268173</v>
          </cell>
          <cell r="F6">
            <v>327879</v>
          </cell>
          <cell r="G6">
            <v>368580</v>
          </cell>
          <cell r="H6">
            <v>394977</v>
          </cell>
          <cell r="I6">
            <v>451269</v>
          </cell>
          <cell r="J6">
            <v>502944</v>
          </cell>
          <cell r="K6">
            <v>482194</v>
          </cell>
          <cell r="L6">
            <v>486993</v>
          </cell>
          <cell r="M6">
            <v>554977</v>
          </cell>
          <cell r="N6">
            <v>634933</v>
          </cell>
          <cell r="O6">
            <v>764297</v>
          </cell>
          <cell r="P6">
            <v>705403</v>
          </cell>
          <cell r="Q6">
            <v>587951</v>
          </cell>
          <cell r="R6">
            <v>467961</v>
          </cell>
          <cell r="S6">
            <v>475438</v>
          </cell>
          <cell r="T6">
            <v>558914</v>
          </cell>
          <cell r="U6">
            <v>410589</v>
          </cell>
          <cell r="V6">
            <v>268477</v>
          </cell>
          <cell r="W6">
            <v>131547</v>
          </cell>
          <cell r="X6">
            <v>35991</v>
          </cell>
          <cell r="Y6">
            <v>5421</v>
          </cell>
        </row>
        <row r="7">
          <cell r="D7">
            <v>4414130</v>
          </cell>
          <cell r="E7">
            <v>137498</v>
          </cell>
          <cell r="F7">
            <v>167888</v>
          </cell>
          <cell r="G7">
            <v>189168</v>
          </cell>
          <cell r="H7">
            <v>203212</v>
          </cell>
          <cell r="I7">
            <v>230568</v>
          </cell>
          <cell r="J7">
            <v>258885</v>
          </cell>
          <cell r="K7">
            <v>249857</v>
          </cell>
          <cell r="L7">
            <v>252318</v>
          </cell>
          <cell r="M7">
            <v>286652</v>
          </cell>
          <cell r="N7">
            <v>327035</v>
          </cell>
          <cell r="O7">
            <v>391859</v>
          </cell>
          <cell r="P7">
            <v>367031</v>
          </cell>
          <cell r="Q7">
            <v>305743</v>
          </cell>
          <cell r="R7">
            <v>236333</v>
          </cell>
          <cell r="S7">
            <v>228550</v>
          </cell>
          <cell r="T7">
            <v>254005</v>
          </cell>
          <cell r="U7">
            <v>173197</v>
          </cell>
          <cell r="V7">
            <v>104026</v>
          </cell>
          <cell r="W7">
            <v>41488</v>
          </cell>
          <cell r="X7">
            <v>8073</v>
          </cell>
          <cell r="Y7">
            <v>744</v>
          </cell>
        </row>
        <row r="8">
          <cell r="D8">
            <v>4470778</v>
          </cell>
          <cell r="E8">
            <v>130675</v>
          </cell>
          <cell r="F8">
            <v>159991</v>
          </cell>
          <cell r="G8">
            <v>179412</v>
          </cell>
          <cell r="H8">
            <v>191765</v>
          </cell>
          <cell r="I8">
            <v>220701</v>
          </cell>
          <cell r="J8">
            <v>244059</v>
          </cell>
          <cell r="K8">
            <v>232337</v>
          </cell>
          <cell r="L8">
            <v>234675</v>
          </cell>
          <cell r="M8">
            <v>268325</v>
          </cell>
          <cell r="N8">
            <v>307898</v>
          </cell>
          <cell r="O8">
            <v>372438</v>
          </cell>
          <cell r="P8">
            <v>338372</v>
          </cell>
          <cell r="Q8">
            <v>282208</v>
          </cell>
          <cell r="R8">
            <v>231628</v>
          </cell>
          <cell r="S8">
            <v>246888</v>
          </cell>
          <cell r="T8">
            <v>304909</v>
          </cell>
          <cell r="U8">
            <v>237392</v>
          </cell>
          <cell r="V8">
            <v>164451</v>
          </cell>
          <cell r="W8">
            <v>90059</v>
          </cell>
          <cell r="X8">
            <v>27918</v>
          </cell>
          <cell r="Y8">
            <v>4677</v>
          </cell>
        </row>
        <row r="18">
          <cell r="D18">
            <v>3615515</v>
          </cell>
          <cell r="E18">
            <v>110321</v>
          </cell>
          <cell r="F18">
            <v>132648</v>
          </cell>
          <cell r="G18">
            <v>149433</v>
          </cell>
          <cell r="H18">
            <v>159765</v>
          </cell>
          <cell r="I18">
            <v>187148</v>
          </cell>
          <cell r="J18">
            <v>208952</v>
          </cell>
          <cell r="K18">
            <v>197458</v>
          </cell>
          <cell r="L18">
            <v>197803</v>
          </cell>
          <cell r="M18">
            <v>224870</v>
          </cell>
          <cell r="N18">
            <v>256368</v>
          </cell>
          <cell r="O18">
            <v>311318</v>
          </cell>
          <cell r="P18">
            <v>294616</v>
          </cell>
          <cell r="Q18">
            <v>245172</v>
          </cell>
          <cell r="R18">
            <v>191223</v>
          </cell>
          <cell r="S18">
            <v>188031</v>
          </cell>
          <cell r="T18">
            <v>219032</v>
          </cell>
          <cell r="U18">
            <v>160851</v>
          </cell>
          <cell r="V18">
            <v>108428</v>
          </cell>
          <cell r="W18">
            <v>54997</v>
          </cell>
          <cell r="X18">
            <v>14843</v>
          </cell>
          <cell r="Y18">
            <v>2238</v>
          </cell>
        </row>
        <row r="19">
          <cell r="D19">
            <v>1787527</v>
          </cell>
          <cell r="E19">
            <v>56510</v>
          </cell>
          <cell r="F19">
            <v>67858</v>
          </cell>
          <cell r="G19">
            <v>76627</v>
          </cell>
          <cell r="H19">
            <v>82056</v>
          </cell>
          <cell r="I19">
            <v>94837</v>
          </cell>
          <cell r="J19">
            <v>106299</v>
          </cell>
          <cell r="K19">
            <v>101417</v>
          </cell>
          <cell r="L19">
            <v>101408</v>
          </cell>
          <cell r="M19">
            <v>115499</v>
          </cell>
          <cell r="N19">
            <v>131056</v>
          </cell>
          <cell r="O19">
            <v>157728</v>
          </cell>
          <cell r="P19">
            <v>152046</v>
          </cell>
          <cell r="Q19">
            <v>127327</v>
          </cell>
          <cell r="R19">
            <v>96295</v>
          </cell>
          <cell r="S19">
            <v>90774</v>
          </cell>
          <cell r="T19">
            <v>99987</v>
          </cell>
          <cell r="U19">
            <v>67166</v>
          </cell>
          <cell r="V19">
            <v>41465</v>
          </cell>
          <cell r="W19">
            <v>17417</v>
          </cell>
          <cell r="X19">
            <v>3424</v>
          </cell>
          <cell r="Y19">
            <v>331</v>
          </cell>
        </row>
        <row r="20">
          <cell r="D20">
            <v>1827988</v>
          </cell>
          <cell r="E20">
            <v>53811</v>
          </cell>
          <cell r="F20">
            <v>64790</v>
          </cell>
          <cell r="G20">
            <v>72806</v>
          </cell>
          <cell r="H20">
            <v>77709</v>
          </cell>
          <cell r="I20">
            <v>92311</v>
          </cell>
          <cell r="J20">
            <v>102653</v>
          </cell>
          <cell r="K20">
            <v>96041</v>
          </cell>
          <cell r="L20">
            <v>96395</v>
          </cell>
          <cell r="M20">
            <v>109371</v>
          </cell>
          <cell r="N20">
            <v>125312</v>
          </cell>
          <cell r="O20">
            <v>153590</v>
          </cell>
          <cell r="P20">
            <v>142570</v>
          </cell>
          <cell r="Q20">
            <v>117845</v>
          </cell>
          <cell r="R20">
            <v>94928</v>
          </cell>
          <cell r="S20">
            <v>97257</v>
          </cell>
          <cell r="T20">
            <v>119045</v>
          </cell>
          <cell r="U20">
            <v>93685</v>
          </cell>
          <cell r="V20">
            <v>66963</v>
          </cell>
          <cell r="W20">
            <v>37580</v>
          </cell>
          <cell r="X20">
            <v>11419</v>
          </cell>
          <cell r="Y20">
            <v>1907</v>
          </cell>
        </row>
        <row r="22">
          <cell r="D22">
            <v>278904</v>
          </cell>
          <cell r="E22">
            <v>8381</v>
          </cell>
          <cell r="F22">
            <v>10395</v>
          </cell>
          <cell r="G22">
            <v>12204</v>
          </cell>
          <cell r="H22">
            <v>12141</v>
          </cell>
          <cell r="I22">
            <v>15250</v>
          </cell>
          <cell r="J22">
            <v>19602</v>
          </cell>
          <cell r="K22">
            <v>17320</v>
          </cell>
          <cell r="L22">
            <v>16772</v>
          </cell>
          <cell r="M22">
            <v>19290</v>
          </cell>
          <cell r="N22">
            <v>20935</v>
          </cell>
          <cell r="O22">
            <v>24852</v>
          </cell>
          <cell r="P22">
            <v>21307</v>
          </cell>
          <cell r="Q22">
            <v>17310</v>
          </cell>
          <cell r="R22">
            <v>13711</v>
          </cell>
          <cell r="S22">
            <v>13617</v>
          </cell>
          <cell r="T22">
            <v>14954</v>
          </cell>
          <cell r="U22">
            <v>10152</v>
          </cell>
          <cell r="V22">
            <v>6387</v>
          </cell>
          <cell r="W22">
            <v>3271</v>
          </cell>
          <cell r="X22">
            <v>909</v>
          </cell>
          <cell r="Y22">
            <v>144</v>
          </cell>
        </row>
        <row r="23">
          <cell r="D23">
            <v>143964</v>
          </cell>
          <cell r="E23">
            <v>4270</v>
          </cell>
          <cell r="F23">
            <v>5346</v>
          </cell>
          <cell r="G23">
            <v>6235</v>
          </cell>
          <cell r="H23">
            <v>6289</v>
          </cell>
          <cell r="I23">
            <v>7849</v>
          </cell>
          <cell r="J23">
            <v>10669</v>
          </cell>
          <cell r="K23">
            <v>9479</v>
          </cell>
          <cell r="L23">
            <v>8994</v>
          </cell>
          <cell r="M23">
            <v>10266</v>
          </cell>
          <cell r="N23">
            <v>11317</v>
          </cell>
          <cell r="O23">
            <v>13461</v>
          </cell>
          <cell r="P23">
            <v>11611</v>
          </cell>
          <cell r="Q23">
            <v>9422</v>
          </cell>
          <cell r="R23">
            <v>7055</v>
          </cell>
          <cell r="S23">
            <v>6825</v>
          </cell>
          <cell r="T23">
            <v>7054</v>
          </cell>
          <cell r="U23">
            <v>4324</v>
          </cell>
          <cell r="V23">
            <v>2355</v>
          </cell>
          <cell r="W23">
            <v>911</v>
          </cell>
          <cell r="X23">
            <v>203</v>
          </cell>
          <cell r="Y23">
            <v>29</v>
          </cell>
        </row>
        <row r="24">
          <cell r="D24">
            <v>134940</v>
          </cell>
          <cell r="E24">
            <v>4111</v>
          </cell>
          <cell r="F24">
            <v>5049</v>
          </cell>
          <cell r="G24">
            <v>5969</v>
          </cell>
          <cell r="H24">
            <v>5852</v>
          </cell>
          <cell r="I24">
            <v>7401</v>
          </cell>
          <cell r="J24">
            <v>8933</v>
          </cell>
          <cell r="K24">
            <v>7841</v>
          </cell>
          <cell r="L24">
            <v>7778</v>
          </cell>
          <cell r="M24">
            <v>9024</v>
          </cell>
          <cell r="N24">
            <v>9618</v>
          </cell>
          <cell r="O24">
            <v>11391</v>
          </cell>
          <cell r="P24">
            <v>9696</v>
          </cell>
          <cell r="Q24">
            <v>7888</v>
          </cell>
          <cell r="R24">
            <v>6656</v>
          </cell>
          <cell r="S24">
            <v>6792</v>
          </cell>
          <cell r="T24">
            <v>7900</v>
          </cell>
          <cell r="U24">
            <v>5828</v>
          </cell>
          <cell r="V24">
            <v>4032</v>
          </cell>
          <cell r="W24">
            <v>2360</v>
          </cell>
          <cell r="X24">
            <v>706</v>
          </cell>
          <cell r="Y24">
            <v>115</v>
          </cell>
        </row>
        <row r="25">
          <cell r="D25">
            <v>237128</v>
          </cell>
          <cell r="E25">
            <v>7166</v>
          </cell>
          <cell r="F25">
            <v>8430</v>
          </cell>
          <cell r="G25">
            <v>9050</v>
          </cell>
          <cell r="H25">
            <v>9476</v>
          </cell>
          <cell r="I25">
            <v>13963</v>
          </cell>
          <cell r="J25">
            <v>18330</v>
          </cell>
          <cell r="K25">
            <v>15804</v>
          </cell>
          <cell r="L25">
            <v>14858</v>
          </cell>
          <cell r="M25">
            <v>16106</v>
          </cell>
          <cell r="N25">
            <v>17439</v>
          </cell>
          <cell r="O25">
            <v>20071</v>
          </cell>
          <cell r="P25">
            <v>18268</v>
          </cell>
          <cell r="Q25">
            <v>14703</v>
          </cell>
          <cell r="R25">
            <v>11459</v>
          </cell>
          <cell r="S25">
            <v>10985</v>
          </cell>
          <cell r="T25">
            <v>12513</v>
          </cell>
          <cell r="U25">
            <v>8576</v>
          </cell>
          <cell r="V25">
            <v>5781</v>
          </cell>
          <cell r="W25">
            <v>3104</v>
          </cell>
          <cell r="X25">
            <v>901</v>
          </cell>
          <cell r="Y25">
            <v>145</v>
          </cell>
        </row>
        <row r="26">
          <cell r="D26">
            <v>119355</v>
          </cell>
          <cell r="E26">
            <v>3676</v>
          </cell>
          <cell r="F26">
            <v>4257</v>
          </cell>
          <cell r="G26">
            <v>4574</v>
          </cell>
          <cell r="H26">
            <v>4904</v>
          </cell>
          <cell r="I26">
            <v>7404</v>
          </cell>
          <cell r="J26">
            <v>9615</v>
          </cell>
          <cell r="K26">
            <v>8361</v>
          </cell>
          <cell r="L26">
            <v>7710</v>
          </cell>
          <cell r="M26">
            <v>8448</v>
          </cell>
          <cell r="N26">
            <v>8990</v>
          </cell>
          <cell r="O26">
            <v>10238</v>
          </cell>
          <cell r="P26">
            <v>9677</v>
          </cell>
          <cell r="Q26">
            <v>7839</v>
          </cell>
          <cell r="R26">
            <v>5828</v>
          </cell>
          <cell r="S26">
            <v>5400</v>
          </cell>
          <cell r="T26">
            <v>5782</v>
          </cell>
          <cell r="U26">
            <v>3549</v>
          </cell>
          <cell r="V26">
            <v>2082</v>
          </cell>
          <cell r="W26">
            <v>807</v>
          </cell>
          <cell r="X26">
            <v>192</v>
          </cell>
          <cell r="Y26">
            <v>22</v>
          </cell>
        </row>
        <row r="27">
          <cell r="D27">
            <v>117773</v>
          </cell>
          <cell r="E27">
            <v>3490</v>
          </cell>
          <cell r="F27">
            <v>4173</v>
          </cell>
          <cell r="G27">
            <v>4476</v>
          </cell>
          <cell r="H27">
            <v>4572</v>
          </cell>
          <cell r="I27">
            <v>6559</v>
          </cell>
          <cell r="J27">
            <v>8715</v>
          </cell>
          <cell r="K27">
            <v>7443</v>
          </cell>
          <cell r="L27">
            <v>7148</v>
          </cell>
          <cell r="M27">
            <v>7658</v>
          </cell>
          <cell r="N27">
            <v>8449</v>
          </cell>
          <cell r="O27">
            <v>9833</v>
          </cell>
          <cell r="P27">
            <v>8591</v>
          </cell>
          <cell r="Q27">
            <v>6864</v>
          </cell>
          <cell r="R27">
            <v>5631</v>
          </cell>
          <cell r="S27">
            <v>5585</v>
          </cell>
          <cell r="T27">
            <v>6731</v>
          </cell>
          <cell r="U27">
            <v>5027</v>
          </cell>
          <cell r="V27">
            <v>3699</v>
          </cell>
          <cell r="W27">
            <v>2297</v>
          </cell>
          <cell r="X27">
            <v>709</v>
          </cell>
          <cell r="Y27">
            <v>123</v>
          </cell>
        </row>
        <row r="28">
          <cell r="D28">
            <v>100640</v>
          </cell>
          <cell r="E28">
            <v>3162</v>
          </cell>
          <cell r="F28">
            <v>3509</v>
          </cell>
          <cell r="G28">
            <v>3642</v>
          </cell>
          <cell r="H28">
            <v>3459</v>
          </cell>
          <cell r="I28">
            <v>5352</v>
          </cell>
          <cell r="J28">
            <v>7850</v>
          </cell>
          <cell r="K28">
            <v>7167</v>
          </cell>
          <cell r="L28">
            <v>7013</v>
          </cell>
          <cell r="M28">
            <v>7521</v>
          </cell>
          <cell r="N28">
            <v>8062</v>
          </cell>
          <cell r="O28">
            <v>9141</v>
          </cell>
          <cell r="P28">
            <v>8043</v>
          </cell>
          <cell r="Q28">
            <v>6200</v>
          </cell>
          <cell r="R28">
            <v>4679</v>
          </cell>
          <cell r="S28">
            <v>4259</v>
          </cell>
          <cell r="T28">
            <v>4709</v>
          </cell>
          <cell r="U28">
            <v>3036</v>
          </cell>
          <cell r="V28">
            <v>2149</v>
          </cell>
          <cell r="W28">
            <v>1260</v>
          </cell>
          <cell r="X28">
            <v>360</v>
          </cell>
          <cell r="Y28">
            <v>67</v>
          </cell>
        </row>
        <row r="29">
          <cell r="D29">
            <v>50378</v>
          </cell>
          <cell r="E29">
            <v>1592</v>
          </cell>
          <cell r="F29">
            <v>1778</v>
          </cell>
          <cell r="G29">
            <v>1830</v>
          </cell>
          <cell r="H29">
            <v>1768</v>
          </cell>
          <cell r="I29">
            <v>2682</v>
          </cell>
          <cell r="J29">
            <v>4143</v>
          </cell>
          <cell r="K29">
            <v>3740</v>
          </cell>
          <cell r="L29">
            <v>3666</v>
          </cell>
          <cell r="M29">
            <v>3948</v>
          </cell>
          <cell r="N29">
            <v>4163</v>
          </cell>
          <cell r="O29">
            <v>4602</v>
          </cell>
          <cell r="P29">
            <v>4217</v>
          </cell>
          <cell r="Q29">
            <v>3220</v>
          </cell>
          <cell r="R29">
            <v>2334</v>
          </cell>
          <cell r="S29">
            <v>2091</v>
          </cell>
          <cell r="T29">
            <v>2197</v>
          </cell>
          <cell r="U29">
            <v>1230</v>
          </cell>
          <cell r="V29">
            <v>727</v>
          </cell>
          <cell r="W29">
            <v>351</v>
          </cell>
          <cell r="X29">
            <v>90</v>
          </cell>
          <cell r="Y29">
            <v>9</v>
          </cell>
        </row>
        <row r="30">
          <cell r="D30">
            <v>50262</v>
          </cell>
          <cell r="E30">
            <v>1570</v>
          </cell>
          <cell r="F30">
            <v>1731</v>
          </cell>
          <cell r="G30">
            <v>1812</v>
          </cell>
          <cell r="H30">
            <v>1691</v>
          </cell>
          <cell r="I30">
            <v>2670</v>
          </cell>
          <cell r="J30">
            <v>3707</v>
          </cell>
          <cell r="K30">
            <v>3427</v>
          </cell>
          <cell r="L30">
            <v>3347</v>
          </cell>
          <cell r="M30">
            <v>3573</v>
          </cell>
          <cell r="N30">
            <v>3899</v>
          </cell>
          <cell r="O30">
            <v>4539</v>
          </cell>
          <cell r="P30">
            <v>3826</v>
          </cell>
          <cell r="Q30">
            <v>2980</v>
          </cell>
          <cell r="R30">
            <v>2345</v>
          </cell>
          <cell r="S30">
            <v>2168</v>
          </cell>
          <cell r="T30">
            <v>2512</v>
          </cell>
          <cell r="U30">
            <v>1806</v>
          </cell>
          <cell r="V30">
            <v>1422</v>
          </cell>
          <cell r="W30">
            <v>909</v>
          </cell>
          <cell r="X30">
            <v>270</v>
          </cell>
          <cell r="Y30">
            <v>58</v>
          </cell>
        </row>
        <row r="31">
          <cell r="D31">
            <v>136513</v>
          </cell>
          <cell r="E31">
            <v>3097</v>
          </cell>
          <cell r="F31">
            <v>3986</v>
          </cell>
          <cell r="G31">
            <v>4696</v>
          </cell>
          <cell r="H31">
            <v>5036</v>
          </cell>
          <cell r="I31">
            <v>6410</v>
          </cell>
          <cell r="J31">
            <v>8101</v>
          </cell>
          <cell r="K31">
            <v>7452</v>
          </cell>
          <cell r="L31">
            <v>7306</v>
          </cell>
          <cell r="M31">
            <v>8268</v>
          </cell>
          <cell r="N31">
            <v>10271</v>
          </cell>
          <cell r="O31">
            <v>12668</v>
          </cell>
          <cell r="P31">
            <v>12959</v>
          </cell>
          <cell r="Q31">
            <v>10828</v>
          </cell>
          <cell r="R31">
            <v>8197</v>
          </cell>
          <cell r="S31">
            <v>7500</v>
          </cell>
          <cell r="T31">
            <v>8250</v>
          </cell>
          <cell r="U31">
            <v>5362</v>
          </cell>
          <cell r="V31">
            <v>3397</v>
          </cell>
          <cell r="W31">
            <v>2021</v>
          </cell>
          <cell r="X31">
            <v>595</v>
          </cell>
          <cell r="Y31">
            <v>113</v>
          </cell>
        </row>
        <row r="32">
          <cell r="D32">
            <v>70869</v>
          </cell>
          <cell r="E32">
            <v>1541</v>
          </cell>
          <cell r="F32">
            <v>2094</v>
          </cell>
          <cell r="G32">
            <v>2379</v>
          </cell>
          <cell r="H32">
            <v>2584</v>
          </cell>
          <cell r="I32">
            <v>3188</v>
          </cell>
          <cell r="J32">
            <v>4301</v>
          </cell>
          <cell r="K32">
            <v>3982</v>
          </cell>
          <cell r="L32">
            <v>3785</v>
          </cell>
          <cell r="M32">
            <v>4339</v>
          </cell>
          <cell r="N32">
            <v>5356</v>
          </cell>
          <cell r="O32">
            <v>6588</v>
          </cell>
          <cell r="P32">
            <v>7046</v>
          </cell>
          <cell r="Q32">
            <v>6063</v>
          </cell>
          <cell r="R32">
            <v>4568</v>
          </cell>
          <cell r="S32">
            <v>4195</v>
          </cell>
          <cell r="T32">
            <v>4351</v>
          </cell>
          <cell r="U32">
            <v>2491</v>
          </cell>
          <cell r="V32">
            <v>1256</v>
          </cell>
          <cell r="W32">
            <v>614</v>
          </cell>
          <cell r="X32">
            <v>130</v>
          </cell>
          <cell r="Y32">
            <v>18</v>
          </cell>
        </row>
        <row r="33">
          <cell r="D33">
            <v>65644</v>
          </cell>
          <cell r="E33">
            <v>1556</v>
          </cell>
          <cell r="F33">
            <v>1892</v>
          </cell>
          <cell r="G33">
            <v>2317</v>
          </cell>
          <cell r="H33">
            <v>2452</v>
          </cell>
          <cell r="I33">
            <v>3222</v>
          </cell>
          <cell r="J33">
            <v>3800</v>
          </cell>
          <cell r="K33">
            <v>3470</v>
          </cell>
          <cell r="L33">
            <v>3521</v>
          </cell>
          <cell r="M33">
            <v>3929</v>
          </cell>
          <cell r="N33">
            <v>4915</v>
          </cell>
          <cell r="O33">
            <v>6080</v>
          </cell>
          <cell r="P33">
            <v>5913</v>
          </cell>
          <cell r="Q33">
            <v>4765</v>
          </cell>
          <cell r="R33">
            <v>3629</v>
          </cell>
          <cell r="S33">
            <v>3305</v>
          </cell>
          <cell r="T33">
            <v>3899</v>
          </cell>
          <cell r="U33">
            <v>2871</v>
          </cell>
          <cell r="V33">
            <v>2141</v>
          </cell>
          <cell r="W33">
            <v>1407</v>
          </cell>
          <cell r="X33">
            <v>465</v>
          </cell>
          <cell r="Y33">
            <v>95</v>
          </cell>
        </row>
        <row r="34">
          <cell r="D34">
            <v>186304</v>
          </cell>
          <cell r="E34">
            <v>4549</v>
          </cell>
          <cell r="F34">
            <v>5359</v>
          </cell>
          <cell r="G34">
            <v>6235</v>
          </cell>
          <cell r="H34">
            <v>6782</v>
          </cell>
          <cell r="I34">
            <v>9975</v>
          </cell>
          <cell r="J34">
            <v>13043</v>
          </cell>
          <cell r="K34">
            <v>10625</v>
          </cell>
          <cell r="L34">
            <v>9872</v>
          </cell>
          <cell r="M34">
            <v>11253</v>
          </cell>
          <cell r="N34">
            <v>12811</v>
          </cell>
          <cell r="O34">
            <v>15538</v>
          </cell>
          <cell r="P34">
            <v>15015</v>
          </cell>
          <cell r="Q34">
            <v>12761</v>
          </cell>
          <cell r="R34">
            <v>10657</v>
          </cell>
          <cell r="S34">
            <v>10688</v>
          </cell>
          <cell r="T34">
            <v>12553</v>
          </cell>
          <cell r="U34">
            <v>8579</v>
          </cell>
          <cell r="V34">
            <v>5965</v>
          </cell>
          <cell r="W34">
            <v>3068</v>
          </cell>
          <cell r="X34">
            <v>857</v>
          </cell>
          <cell r="Y34">
            <v>119</v>
          </cell>
        </row>
        <row r="35">
          <cell r="D35">
            <v>93216</v>
          </cell>
          <cell r="E35">
            <v>2375</v>
          </cell>
          <cell r="F35">
            <v>2621</v>
          </cell>
          <cell r="G35">
            <v>3278</v>
          </cell>
          <cell r="H35">
            <v>3459</v>
          </cell>
          <cell r="I35">
            <v>4866</v>
          </cell>
          <cell r="J35">
            <v>6696</v>
          </cell>
          <cell r="K35">
            <v>5482</v>
          </cell>
          <cell r="L35">
            <v>5151</v>
          </cell>
          <cell r="M35">
            <v>5864</v>
          </cell>
          <cell r="N35">
            <v>6760</v>
          </cell>
          <cell r="O35">
            <v>8150</v>
          </cell>
          <cell r="P35">
            <v>8009</v>
          </cell>
          <cell r="Q35">
            <v>6799</v>
          </cell>
          <cell r="R35">
            <v>5507</v>
          </cell>
          <cell r="S35">
            <v>5393</v>
          </cell>
          <cell r="T35">
            <v>6008</v>
          </cell>
          <cell r="U35">
            <v>3537</v>
          </cell>
          <cell r="V35">
            <v>2116</v>
          </cell>
          <cell r="W35">
            <v>930</v>
          </cell>
          <cell r="X35">
            <v>200</v>
          </cell>
          <cell r="Y35">
            <v>15</v>
          </cell>
        </row>
        <row r="36">
          <cell r="D36">
            <v>93088</v>
          </cell>
          <cell r="E36">
            <v>2174</v>
          </cell>
          <cell r="F36">
            <v>2738</v>
          </cell>
          <cell r="G36">
            <v>2957</v>
          </cell>
          <cell r="H36">
            <v>3323</v>
          </cell>
          <cell r="I36">
            <v>5109</v>
          </cell>
          <cell r="J36">
            <v>6347</v>
          </cell>
          <cell r="K36">
            <v>5143</v>
          </cell>
          <cell r="L36">
            <v>4721</v>
          </cell>
          <cell r="M36">
            <v>5389</v>
          </cell>
          <cell r="N36">
            <v>6051</v>
          </cell>
          <cell r="O36">
            <v>7388</v>
          </cell>
          <cell r="P36">
            <v>7006</v>
          </cell>
          <cell r="Q36">
            <v>5962</v>
          </cell>
          <cell r="R36">
            <v>5150</v>
          </cell>
          <cell r="S36">
            <v>5295</v>
          </cell>
          <cell r="T36">
            <v>6545</v>
          </cell>
          <cell r="U36">
            <v>5042</v>
          </cell>
          <cell r="V36">
            <v>3849</v>
          </cell>
          <cell r="W36">
            <v>2138</v>
          </cell>
          <cell r="X36">
            <v>657</v>
          </cell>
          <cell r="Y36">
            <v>104</v>
          </cell>
        </row>
        <row r="37">
          <cell r="D37">
            <v>195317</v>
          </cell>
          <cell r="E37">
            <v>5649</v>
          </cell>
          <cell r="F37">
            <v>6788</v>
          </cell>
          <cell r="G37">
            <v>7381</v>
          </cell>
          <cell r="H37">
            <v>8091</v>
          </cell>
          <cell r="I37">
            <v>10570</v>
          </cell>
          <cell r="J37">
            <v>11479</v>
          </cell>
          <cell r="K37">
            <v>10392</v>
          </cell>
          <cell r="L37">
            <v>10344</v>
          </cell>
          <cell r="M37">
            <v>11793</v>
          </cell>
          <cell r="N37">
            <v>13482</v>
          </cell>
          <cell r="O37">
            <v>15910</v>
          </cell>
          <cell r="P37">
            <v>15530</v>
          </cell>
          <cell r="Q37">
            <v>13900</v>
          </cell>
          <cell r="R37">
            <v>10820</v>
          </cell>
          <cell r="S37">
            <v>10706</v>
          </cell>
          <cell r="T37">
            <v>12402</v>
          </cell>
          <cell r="U37">
            <v>9228</v>
          </cell>
          <cell r="V37">
            <v>6422</v>
          </cell>
          <cell r="W37">
            <v>3380</v>
          </cell>
          <cell r="X37">
            <v>932</v>
          </cell>
          <cell r="Y37">
            <v>118</v>
          </cell>
        </row>
        <row r="38">
          <cell r="D38">
            <v>96516</v>
          </cell>
          <cell r="E38">
            <v>2838</v>
          </cell>
          <cell r="F38">
            <v>3569</v>
          </cell>
          <cell r="G38">
            <v>3810</v>
          </cell>
          <cell r="H38">
            <v>4106</v>
          </cell>
          <cell r="I38">
            <v>5609</v>
          </cell>
          <cell r="J38">
            <v>5905</v>
          </cell>
          <cell r="K38">
            <v>5388</v>
          </cell>
          <cell r="L38">
            <v>5354</v>
          </cell>
          <cell r="M38">
            <v>6053</v>
          </cell>
          <cell r="N38">
            <v>6968</v>
          </cell>
          <cell r="O38">
            <v>8167</v>
          </cell>
          <cell r="P38">
            <v>7962</v>
          </cell>
          <cell r="Q38">
            <v>7230</v>
          </cell>
          <cell r="R38">
            <v>5518</v>
          </cell>
          <cell r="S38">
            <v>5175</v>
          </cell>
          <cell r="T38">
            <v>5580</v>
          </cell>
          <cell r="U38">
            <v>3664</v>
          </cell>
          <cell r="V38">
            <v>2374</v>
          </cell>
          <cell r="W38">
            <v>1012</v>
          </cell>
          <cell r="X38">
            <v>215</v>
          </cell>
          <cell r="Y38">
            <v>19</v>
          </cell>
        </row>
        <row r="39">
          <cell r="D39">
            <v>98801</v>
          </cell>
          <cell r="E39">
            <v>2811</v>
          </cell>
          <cell r="F39">
            <v>3219</v>
          </cell>
          <cell r="G39">
            <v>3571</v>
          </cell>
          <cell r="H39">
            <v>3985</v>
          </cell>
          <cell r="I39">
            <v>4961</v>
          </cell>
          <cell r="J39">
            <v>5574</v>
          </cell>
          <cell r="K39">
            <v>5004</v>
          </cell>
          <cell r="L39">
            <v>4990</v>
          </cell>
          <cell r="M39">
            <v>5740</v>
          </cell>
          <cell r="N39">
            <v>6514</v>
          </cell>
          <cell r="O39">
            <v>7743</v>
          </cell>
          <cell r="P39">
            <v>7568</v>
          </cell>
          <cell r="Q39">
            <v>6670</v>
          </cell>
          <cell r="R39">
            <v>5302</v>
          </cell>
          <cell r="S39">
            <v>5531</v>
          </cell>
          <cell r="T39">
            <v>6822</v>
          </cell>
          <cell r="U39">
            <v>5564</v>
          </cell>
          <cell r="V39">
            <v>4048</v>
          </cell>
          <cell r="W39">
            <v>2368</v>
          </cell>
          <cell r="X39">
            <v>717</v>
          </cell>
          <cell r="Y39">
            <v>99</v>
          </cell>
        </row>
        <row r="40">
          <cell r="D40">
            <v>157729</v>
          </cell>
          <cell r="E40">
            <v>4492</v>
          </cell>
          <cell r="F40">
            <v>5568</v>
          </cell>
          <cell r="G40">
            <v>6501</v>
          </cell>
          <cell r="H40">
            <v>6729</v>
          </cell>
          <cell r="I40">
            <v>7134</v>
          </cell>
          <cell r="J40">
            <v>7835</v>
          </cell>
          <cell r="K40">
            <v>7532</v>
          </cell>
          <cell r="L40">
            <v>8150</v>
          </cell>
          <cell r="M40">
            <v>9827</v>
          </cell>
          <cell r="N40">
            <v>11150</v>
          </cell>
          <cell r="O40">
            <v>13511</v>
          </cell>
          <cell r="P40">
            <v>12307</v>
          </cell>
          <cell r="Q40">
            <v>10926</v>
          </cell>
          <cell r="R40">
            <v>9095</v>
          </cell>
          <cell r="S40">
            <v>9273</v>
          </cell>
          <cell r="T40">
            <v>10851</v>
          </cell>
          <cell r="U40">
            <v>8027</v>
          </cell>
          <cell r="V40">
            <v>5222</v>
          </cell>
          <cell r="W40">
            <v>2773</v>
          </cell>
          <cell r="X40">
            <v>730</v>
          </cell>
          <cell r="Y40">
            <v>96</v>
          </cell>
        </row>
        <row r="41">
          <cell r="D41">
            <v>77665</v>
          </cell>
          <cell r="E41">
            <v>2296</v>
          </cell>
          <cell r="F41">
            <v>2804</v>
          </cell>
          <cell r="G41">
            <v>3393</v>
          </cell>
          <cell r="H41">
            <v>3463</v>
          </cell>
          <cell r="I41">
            <v>3654</v>
          </cell>
          <cell r="J41">
            <v>4062</v>
          </cell>
          <cell r="K41">
            <v>3972</v>
          </cell>
          <cell r="L41">
            <v>4233</v>
          </cell>
          <cell r="M41">
            <v>5093</v>
          </cell>
          <cell r="N41">
            <v>5742</v>
          </cell>
          <cell r="O41">
            <v>6966</v>
          </cell>
          <cell r="P41">
            <v>6340</v>
          </cell>
          <cell r="Q41">
            <v>5553</v>
          </cell>
          <cell r="R41">
            <v>4516</v>
          </cell>
          <cell r="S41">
            <v>4416</v>
          </cell>
          <cell r="T41">
            <v>4934</v>
          </cell>
          <cell r="U41">
            <v>3296</v>
          </cell>
          <cell r="V41">
            <v>1893</v>
          </cell>
          <cell r="W41">
            <v>854</v>
          </cell>
          <cell r="X41">
            <v>168</v>
          </cell>
          <cell r="Y41">
            <v>17</v>
          </cell>
        </row>
        <row r="42">
          <cell r="D42">
            <v>80064</v>
          </cell>
          <cell r="E42">
            <v>2196</v>
          </cell>
          <cell r="F42">
            <v>2764</v>
          </cell>
          <cell r="G42">
            <v>3108</v>
          </cell>
          <cell r="H42">
            <v>3266</v>
          </cell>
          <cell r="I42">
            <v>3480</v>
          </cell>
          <cell r="J42">
            <v>3773</v>
          </cell>
          <cell r="K42">
            <v>3560</v>
          </cell>
          <cell r="L42">
            <v>3917</v>
          </cell>
          <cell r="M42">
            <v>4734</v>
          </cell>
          <cell r="N42">
            <v>5408</v>
          </cell>
          <cell r="O42">
            <v>6545</v>
          </cell>
          <cell r="P42">
            <v>5967</v>
          </cell>
          <cell r="Q42">
            <v>5373</v>
          </cell>
          <cell r="R42">
            <v>4579</v>
          </cell>
          <cell r="S42">
            <v>4857</v>
          </cell>
          <cell r="T42">
            <v>5917</v>
          </cell>
          <cell r="U42">
            <v>4731</v>
          </cell>
          <cell r="V42">
            <v>3329</v>
          </cell>
          <cell r="W42">
            <v>1919</v>
          </cell>
          <cell r="X42">
            <v>562</v>
          </cell>
          <cell r="Y42">
            <v>79</v>
          </cell>
        </row>
        <row r="43">
          <cell r="D43">
            <v>186486</v>
          </cell>
          <cell r="E43">
            <v>4605</v>
          </cell>
          <cell r="F43">
            <v>6179</v>
          </cell>
          <cell r="G43">
            <v>7397</v>
          </cell>
          <cell r="H43">
            <v>8520</v>
          </cell>
          <cell r="I43">
            <v>9592</v>
          </cell>
          <cell r="J43">
            <v>8455</v>
          </cell>
          <cell r="K43">
            <v>7659</v>
          </cell>
          <cell r="L43">
            <v>8663</v>
          </cell>
          <cell r="M43">
            <v>10356</v>
          </cell>
          <cell r="N43">
            <v>12272</v>
          </cell>
          <cell r="O43">
            <v>15518</v>
          </cell>
          <cell r="P43">
            <v>14421</v>
          </cell>
          <cell r="Q43">
            <v>13005</v>
          </cell>
          <cell r="R43">
            <v>11194</v>
          </cell>
          <cell r="S43">
            <v>12451</v>
          </cell>
          <cell r="T43">
            <v>14613</v>
          </cell>
          <cell r="U43">
            <v>10414</v>
          </cell>
          <cell r="V43">
            <v>6680</v>
          </cell>
          <cell r="W43">
            <v>3360</v>
          </cell>
          <cell r="X43">
            <v>970</v>
          </cell>
          <cell r="Y43">
            <v>162</v>
          </cell>
        </row>
        <row r="44">
          <cell r="D44">
            <v>91043</v>
          </cell>
          <cell r="E44">
            <v>2400</v>
          </cell>
          <cell r="F44">
            <v>3144</v>
          </cell>
          <cell r="G44">
            <v>3779</v>
          </cell>
          <cell r="H44">
            <v>4350</v>
          </cell>
          <cell r="I44">
            <v>4933</v>
          </cell>
          <cell r="J44">
            <v>4417</v>
          </cell>
          <cell r="K44">
            <v>3970</v>
          </cell>
          <cell r="L44">
            <v>4510</v>
          </cell>
          <cell r="M44">
            <v>5329</v>
          </cell>
          <cell r="N44">
            <v>6127</v>
          </cell>
          <cell r="O44">
            <v>7829</v>
          </cell>
          <cell r="P44">
            <v>7232</v>
          </cell>
          <cell r="Q44">
            <v>6463</v>
          </cell>
          <cell r="R44">
            <v>5436</v>
          </cell>
          <cell r="S44">
            <v>5941</v>
          </cell>
          <cell r="T44">
            <v>6643</v>
          </cell>
          <cell r="U44">
            <v>4514</v>
          </cell>
          <cell r="V44">
            <v>2679</v>
          </cell>
          <cell r="W44">
            <v>1106</v>
          </cell>
          <cell r="X44">
            <v>219</v>
          </cell>
          <cell r="Y44">
            <v>22</v>
          </cell>
        </row>
        <row r="45">
          <cell r="D45">
            <v>95443</v>
          </cell>
          <cell r="E45">
            <v>2205</v>
          </cell>
          <cell r="F45">
            <v>3035</v>
          </cell>
          <cell r="G45">
            <v>3618</v>
          </cell>
          <cell r="H45">
            <v>4170</v>
          </cell>
          <cell r="I45">
            <v>4659</v>
          </cell>
          <cell r="J45">
            <v>4038</v>
          </cell>
          <cell r="K45">
            <v>3689</v>
          </cell>
          <cell r="L45">
            <v>4153</v>
          </cell>
          <cell r="M45">
            <v>5027</v>
          </cell>
          <cell r="N45">
            <v>6145</v>
          </cell>
          <cell r="O45">
            <v>7689</v>
          </cell>
          <cell r="P45">
            <v>7189</v>
          </cell>
          <cell r="Q45">
            <v>6542</v>
          </cell>
          <cell r="R45">
            <v>5758</v>
          </cell>
          <cell r="S45">
            <v>6510</v>
          </cell>
          <cell r="T45">
            <v>7970</v>
          </cell>
          <cell r="U45">
            <v>5900</v>
          </cell>
          <cell r="V45">
            <v>4001</v>
          </cell>
          <cell r="W45">
            <v>2254</v>
          </cell>
          <cell r="X45">
            <v>751</v>
          </cell>
          <cell r="Y45">
            <v>140</v>
          </cell>
        </row>
        <row r="46">
          <cell r="D46">
            <v>350558</v>
          </cell>
          <cell r="E46">
            <v>13114</v>
          </cell>
          <cell r="F46">
            <v>13976</v>
          </cell>
          <cell r="G46">
            <v>14731</v>
          </cell>
          <cell r="H46">
            <v>14227</v>
          </cell>
          <cell r="I46">
            <v>18517</v>
          </cell>
          <cell r="J46">
            <v>25931</v>
          </cell>
          <cell r="K46">
            <v>25197</v>
          </cell>
          <cell r="L46">
            <v>22855</v>
          </cell>
          <cell r="M46">
            <v>24795</v>
          </cell>
          <cell r="N46">
            <v>26585</v>
          </cell>
          <cell r="O46">
            <v>29527</v>
          </cell>
          <cell r="P46">
            <v>27203</v>
          </cell>
          <cell r="Q46">
            <v>21751</v>
          </cell>
          <cell r="R46">
            <v>16165</v>
          </cell>
          <cell r="S46">
            <v>14668</v>
          </cell>
          <cell r="T46">
            <v>16239</v>
          </cell>
          <cell r="U46">
            <v>11667</v>
          </cell>
          <cell r="V46">
            <v>7787</v>
          </cell>
          <cell r="W46">
            <v>4228</v>
          </cell>
          <cell r="X46">
            <v>1206</v>
          </cell>
          <cell r="Y46">
            <v>189</v>
          </cell>
        </row>
        <row r="47">
          <cell r="D47">
            <v>173882</v>
          </cell>
          <cell r="E47">
            <v>6742</v>
          </cell>
          <cell r="F47">
            <v>7249</v>
          </cell>
          <cell r="G47">
            <v>7594</v>
          </cell>
          <cell r="H47">
            <v>7276</v>
          </cell>
          <cell r="I47">
            <v>9219</v>
          </cell>
          <cell r="J47">
            <v>13051</v>
          </cell>
          <cell r="K47">
            <v>12802</v>
          </cell>
          <cell r="L47">
            <v>11566</v>
          </cell>
          <cell r="M47">
            <v>12748</v>
          </cell>
          <cell r="N47">
            <v>13608</v>
          </cell>
          <cell r="O47">
            <v>14884</v>
          </cell>
          <cell r="P47">
            <v>14001</v>
          </cell>
          <cell r="Q47">
            <v>11289</v>
          </cell>
          <cell r="R47">
            <v>8057</v>
          </cell>
          <cell r="S47">
            <v>7048</v>
          </cell>
          <cell r="T47">
            <v>7456</v>
          </cell>
          <cell r="U47">
            <v>4816</v>
          </cell>
          <cell r="V47">
            <v>2887</v>
          </cell>
          <cell r="W47">
            <v>1303</v>
          </cell>
          <cell r="X47">
            <v>264</v>
          </cell>
          <cell r="Y47">
            <v>22</v>
          </cell>
        </row>
        <row r="48">
          <cell r="D48">
            <v>176676</v>
          </cell>
          <cell r="E48">
            <v>6372</v>
          </cell>
          <cell r="F48">
            <v>6727</v>
          </cell>
          <cell r="G48">
            <v>7137</v>
          </cell>
          <cell r="H48">
            <v>6951</v>
          </cell>
          <cell r="I48">
            <v>9298</v>
          </cell>
          <cell r="J48">
            <v>12880</v>
          </cell>
          <cell r="K48">
            <v>12395</v>
          </cell>
          <cell r="L48">
            <v>11289</v>
          </cell>
          <cell r="M48">
            <v>12047</v>
          </cell>
          <cell r="N48">
            <v>12977</v>
          </cell>
          <cell r="O48">
            <v>14643</v>
          </cell>
          <cell r="P48">
            <v>13202</v>
          </cell>
          <cell r="Q48">
            <v>10462</v>
          </cell>
          <cell r="R48">
            <v>8108</v>
          </cell>
          <cell r="S48">
            <v>7620</v>
          </cell>
          <cell r="T48">
            <v>8783</v>
          </cell>
          <cell r="U48">
            <v>6851</v>
          </cell>
          <cell r="V48">
            <v>4900</v>
          </cell>
          <cell r="W48">
            <v>2925</v>
          </cell>
          <cell r="X48">
            <v>942</v>
          </cell>
          <cell r="Y48">
            <v>167</v>
          </cell>
        </row>
        <row r="49">
          <cell r="D49">
            <v>274813</v>
          </cell>
          <cell r="E49">
            <v>9228</v>
          </cell>
          <cell r="F49">
            <v>11219</v>
          </cell>
          <cell r="G49">
            <v>12116</v>
          </cell>
          <cell r="H49">
            <v>13311</v>
          </cell>
          <cell r="I49">
            <v>13593</v>
          </cell>
          <cell r="J49">
            <v>13142</v>
          </cell>
          <cell r="K49">
            <v>13731</v>
          </cell>
          <cell r="L49">
            <v>15137</v>
          </cell>
          <cell r="M49">
            <v>16877</v>
          </cell>
          <cell r="N49">
            <v>19650</v>
          </cell>
          <cell r="O49">
            <v>23806</v>
          </cell>
          <cell r="P49">
            <v>21908</v>
          </cell>
          <cell r="Q49">
            <v>17728</v>
          </cell>
          <cell r="R49">
            <v>13739</v>
          </cell>
          <cell r="S49">
            <v>14646</v>
          </cell>
          <cell r="T49">
            <v>17405</v>
          </cell>
          <cell r="U49">
            <v>13024</v>
          </cell>
          <cell r="V49">
            <v>9024</v>
          </cell>
          <cell r="W49">
            <v>4267</v>
          </cell>
          <cell r="X49">
            <v>1099</v>
          </cell>
          <cell r="Y49">
            <v>163</v>
          </cell>
        </row>
        <row r="50">
          <cell r="D50">
            <v>134766</v>
          </cell>
          <cell r="E50">
            <v>4757</v>
          </cell>
          <cell r="F50">
            <v>5694</v>
          </cell>
          <cell r="G50">
            <v>6183</v>
          </cell>
          <cell r="H50">
            <v>6822</v>
          </cell>
          <cell r="I50">
            <v>6837</v>
          </cell>
          <cell r="J50">
            <v>6566</v>
          </cell>
          <cell r="K50">
            <v>6966</v>
          </cell>
          <cell r="L50">
            <v>7639</v>
          </cell>
          <cell r="M50">
            <v>8690</v>
          </cell>
          <cell r="N50">
            <v>10049</v>
          </cell>
          <cell r="O50">
            <v>11969</v>
          </cell>
          <cell r="P50">
            <v>11268</v>
          </cell>
          <cell r="Q50">
            <v>9208</v>
          </cell>
          <cell r="R50">
            <v>6796</v>
          </cell>
          <cell r="S50">
            <v>6824</v>
          </cell>
          <cell r="T50">
            <v>7831</v>
          </cell>
          <cell r="U50">
            <v>5362</v>
          </cell>
          <cell r="V50">
            <v>3582</v>
          </cell>
          <cell r="W50">
            <v>1454</v>
          </cell>
          <cell r="X50">
            <v>247</v>
          </cell>
          <cell r="Y50">
            <v>22</v>
          </cell>
        </row>
        <row r="51">
          <cell r="D51">
            <v>140047</v>
          </cell>
          <cell r="E51">
            <v>4471</v>
          </cell>
          <cell r="F51">
            <v>5525</v>
          </cell>
          <cell r="G51">
            <v>5933</v>
          </cell>
          <cell r="H51">
            <v>6489</v>
          </cell>
          <cell r="I51">
            <v>6756</v>
          </cell>
          <cell r="J51">
            <v>6576</v>
          </cell>
          <cell r="K51">
            <v>6765</v>
          </cell>
          <cell r="L51">
            <v>7498</v>
          </cell>
          <cell r="M51">
            <v>8187</v>
          </cell>
          <cell r="N51">
            <v>9601</v>
          </cell>
          <cell r="O51">
            <v>11837</v>
          </cell>
          <cell r="P51">
            <v>10640</v>
          </cell>
          <cell r="Q51">
            <v>8520</v>
          </cell>
          <cell r="R51">
            <v>6943</v>
          </cell>
          <cell r="S51">
            <v>7822</v>
          </cell>
          <cell r="T51">
            <v>9574</v>
          </cell>
          <cell r="U51">
            <v>7662</v>
          </cell>
          <cell r="V51">
            <v>5442</v>
          </cell>
          <cell r="W51">
            <v>2813</v>
          </cell>
          <cell r="X51">
            <v>852</v>
          </cell>
          <cell r="Y51">
            <v>141</v>
          </cell>
        </row>
        <row r="52">
          <cell r="D52">
            <v>206853</v>
          </cell>
          <cell r="E52">
            <v>6157</v>
          </cell>
          <cell r="F52">
            <v>7285</v>
          </cell>
          <cell r="G52">
            <v>8122</v>
          </cell>
          <cell r="H52">
            <v>8927</v>
          </cell>
          <cell r="I52">
            <v>9595</v>
          </cell>
          <cell r="J52">
            <v>9921</v>
          </cell>
          <cell r="K52">
            <v>10023</v>
          </cell>
          <cell r="L52">
            <v>10693</v>
          </cell>
          <cell r="M52">
            <v>11874</v>
          </cell>
          <cell r="N52">
            <v>13796</v>
          </cell>
          <cell r="O52">
            <v>17457</v>
          </cell>
          <cell r="P52">
            <v>16695</v>
          </cell>
          <cell r="Q52">
            <v>14533</v>
          </cell>
          <cell r="R52">
            <v>11575</v>
          </cell>
          <cell r="S52">
            <v>11805</v>
          </cell>
          <cell r="T52">
            <v>14543</v>
          </cell>
          <cell r="U52">
            <v>11248</v>
          </cell>
          <cell r="V52">
            <v>7733</v>
          </cell>
          <cell r="W52">
            <v>3825</v>
          </cell>
          <cell r="X52">
            <v>909</v>
          </cell>
          <cell r="Y52">
            <v>137</v>
          </cell>
        </row>
        <row r="53">
          <cell r="D53">
            <v>100146</v>
          </cell>
          <cell r="E53">
            <v>3132</v>
          </cell>
          <cell r="F53">
            <v>3729</v>
          </cell>
          <cell r="G53">
            <v>4136</v>
          </cell>
          <cell r="H53">
            <v>4582</v>
          </cell>
          <cell r="I53">
            <v>4775</v>
          </cell>
          <cell r="J53">
            <v>4996</v>
          </cell>
          <cell r="K53">
            <v>4961</v>
          </cell>
          <cell r="L53">
            <v>5480</v>
          </cell>
          <cell r="M53">
            <v>6062</v>
          </cell>
          <cell r="N53">
            <v>6982</v>
          </cell>
          <cell r="O53">
            <v>8737</v>
          </cell>
          <cell r="P53">
            <v>8439</v>
          </cell>
          <cell r="Q53">
            <v>7336</v>
          </cell>
          <cell r="R53">
            <v>5701</v>
          </cell>
          <cell r="S53">
            <v>5538</v>
          </cell>
          <cell r="T53">
            <v>6416</v>
          </cell>
          <cell r="U53">
            <v>4597</v>
          </cell>
          <cell r="V53">
            <v>3021</v>
          </cell>
          <cell r="W53">
            <v>1282</v>
          </cell>
          <cell r="X53">
            <v>224</v>
          </cell>
          <cell r="Y53">
            <v>20</v>
          </cell>
        </row>
        <row r="54">
          <cell r="D54">
            <v>106707</v>
          </cell>
          <cell r="E54">
            <v>3025</v>
          </cell>
          <cell r="F54">
            <v>3556</v>
          </cell>
          <cell r="G54">
            <v>3986</v>
          </cell>
          <cell r="H54">
            <v>4345</v>
          </cell>
          <cell r="I54">
            <v>4820</v>
          </cell>
          <cell r="J54">
            <v>4925</v>
          </cell>
          <cell r="K54">
            <v>5062</v>
          </cell>
          <cell r="L54">
            <v>5213</v>
          </cell>
          <cell r="M54">
            <v>5812</v>
          </cell>
          <cell r="N54">
            <v>6814</v>
          </cell>
          <cell r="O54">
            <v>8720</v>
          </cell>
          <cell r="P54">
            <v>8256</v>
          </cell>
          <cell r="Q54">
            <v>7197</v>
          </cell>
          <cell r="R54">
            <v>5874</v>
          </cell>
          <cell r="S54">
            <v>6267</v>
          </cell>
          <cell r="T54">
            <v>8127</v>
          </cell>
          <cell r="U54">
            <v>6651</v>
          </cell>
          <cell r="V54">
            <v>4712</v>
          </cell>
          <cell r="W54">
            <v>2543</v>
          </cell>
          <cell r="X54">
            <v>685</v>
          </cell>
          <cell r="Y54">
            <v>117</v>
          </cell>
        </row>
        <row r="55">
          <cell r="D55">
            <v>236210</v>
          </cell>
          <cell r="E55">
            <v>6983</v>
          </cell>
          <cell r="F55">
            <v>8444</v>
          </cell>
          <cell r="G55">
            <v>9656</v>
          </cell>
          <cell r="H55">
            <v>10544</v>
          </cell>
          <cell r="I55">
            <v>10904</v>
          </cell>
          <cell r="J55">
            <v>11176</v>
          </cell>
          <cell r="K55">
            <v>11523</v>
          </cell>
          <cell r="L55">
            <v>11769</v>
          </cell>
          <cell r="M55">
            <v>13645</v>
          </cell>
          <cell r="N55">
            <v>15664</v>
          </cell>
          <cell r="O55">
            <v>19532</v>
          </cell>
          <cell r="P55">
            <v>18788</v>
          </cell>
          <cell r="Q55">
            <v>16068</v>
          </cell>
          <cell r="R55">
            <v>13235</v>
          </cell>
          <cell r="S55">
            <v>13686</v>
          </cell>
          <cell r="T55">
            <v>16490</v>
          </cell>
          <cell r="U55">
            <v>12838</v>
          </cell>
          <cell r="V55">
            <v>9298</v>
          </cell>
          <cell r="W55">
            <v>4543</v>
          </cell>
          <cell r="X55">
            <v>1250</v>
          </cell>
          <cell r="Y55">
            <v>174</v>
          </cell>
        </row>
        <row r="56">
          <cell r="D56">
            <v>114814</v>
          </cell>
          <cell r="E56">
            <v>3608</v>
          </cell>
          <cell r="F56">
            <v>4233</v>
          </cell>
          <cell r="G56">
            <v>4898</v>
          </cell>
          <cell r="H56">
            <v>5399</v>
          </cell>
          <cell r="I56">
            <v>5537</v>
          </cell>
          <cell r="J56">
            <v>5461</v>
          </cell>
          <cell r="K56">
            <v>5904</v>
          </cell>
          <cell r="L56">
            <v>6075</v>
          </cell>
          <cell r="M56">
            <v>6930</v>
          </cell>
          <cell r="N56">
            <v>7984</v>
          </cell>
          <cell r="O56">
            <v>9895</v>
          </cell>
          <cell r="P56">
            <v>9677</v>
          </cell>
          <cell r="Q56">
            <v>8208</v>
          </cell>
          <cell r="R56">
            <v>6521</v>
          </cell>
          <cell r="S56">
            <v>6494</v>
          </cell>
          <cell r="T56">
            <v>7397</v>
          </cell>
          <cell r="U56">
            <v>5310</v>
          </cell>
          <cell r="V56">
            <v>3542</v>
          </cell>
          <cell r="W56">
            <v>1428</v>
          </cell>
          <cell r="X56">
            <v>292</v>
          </cell>
          <cell r="Y56">
            <v>21</v>
          </cell>
        </row>
        <row r="57">
          <cell r="D57">
            <v>121396</v>
          </cell>
          <cell r="E57">
            <v>3375</v>
          </cell>
          <cell r="F57">
            <v>4211</v>
          </cell>
          <cell r="G57">
            <v>4758</v>
          </cell>
          <cell r="H57">
            <v>5145</v>
          </cell>
          <cell r="I57">
            <v>5367</v>
          </cell>
          <cell r="J57">
            <v>5715</v>
          </cell>
          <cell r="K57">
            <v>5619</v>
          </cell>
          <cell r="L57">
            <v>5694</v>
          </cell>
          <cell r="M57">
            <v>6715</v>
          </cell>
          <cell r="N57">
            <v>7680</v>
          </cell>
          <cell r="O57">
            <v>9637</v>
          </cell>
          <cell r="P57">
            <v>9111</v>
          </cell>
          <cell r="Q57">
            <v>7860</v>
          </cell>
          <cell r="R57">
            <v>6714</v>
          </cell>
          <cell r="S57">
            <v>7192</v>
          </cell>
          <cell r="T57">
            <v>9093</v>
          </cell>
          <cell r="U57">
            <v>7528</v>
          </cell>
          <cell r="V57">
            <v>5756</v>
          </cell>
          <cell r="W57">
            <v>3115</v>
          </cell>
          <cell r="X57">
            <v>958</v>
          </cell>
          <cell r="Y57">
            <v>153</v>
          </cell>
        </row>
        <row r="58">
          <cell r="D58">
            <v>175070</v>
          </cell>
          <cell r="E58">
            <v>5463</v>
          </cell>
          <cell r="F58">
            <v>6913</v>
          </cell>
          <cell r="G58">
            <v>7565</v>
          </cell>
          <cell r="H58">
            <v>8363</v>
          </cell>
          <cell r="I58">
            <v>9224</v>
          </cell>
          <cell r="J58">
            <v>9480</v>
          </cell>
          <cell r="K58">
            <v>9171</v>
          </cell>
          <cell r="L58">
            <v>9405</v>
          </cell>
          <cell r="M58">
            <v>10691</v>
          </cell>
          <cell r="N58">
            <v>12301</v>
          </cell>
          <cell r="O58">
            <v>15181</v>
          </cell>
          <cell r="P58">
            <v>14348</v>
          </cell>
          <cell r="Q58">
            <v>11642</v>
          </cell>
          <cell r="R58">
            <v>9200</v>
          </cell>
          <cell r="S58">
            <v>9009</v>
          </cell>
          <cell r="T58">
            <v>10407</v>
          </cell>
          <cell r="U58">
            <v>8026</v>
          </cell>
          <cell r="V58">
            <v>5339</v>
          </cell>
          <cell r="W58">
            <v>2629</v>
          </cell>
          <cell r="X58">
            <v>624</v>
          </cell>
          <cell r="Y58">
            <v>89</v>
          </cell>
        </row>
        <row r="59">
          <cell r="D59">
            <v>86200</v>
          </cell>
          <cell r="E59">
            <v>2854</v>
          </cell>
          <cell r="F59">
            <v>3541</v>
          </cell>
          <cell r="G59">
            <v>3897</v>
          </cell>
          <cell r="H59">
            <v>4349</v>
          </cell>
          <cell r="I59">
            <v>4590</v>
          </cell>
          <cell r="J59">
            <v>4743</v>
          </cell>
          <cell r="K59">
            <v>4654</v>
          </cell>
          <cell r="L59">
            <v>4860</v>
          </cell>
          <cell r="M59">
            <v>5392</v>
          </cell>
          <cell r="N59">
            <v>6255</v>
          </cell>
          <cell r="O59">
            <v>7631</v>
          </cell>
          <cell r="P59">
            <v>7481</v>
          </cell>
          <cell r="Q59">
            <v>5974</v>
          </cell>
          <cell r="R59">
            <v>4552</v>
          </cell>
          <cell r="S59">
            <v>4277</v>
          </cell>
          <cell r="T59">
            <v>4633</v>
          </cell>
          <cell r="U59">
            <v>3352</v>
          </cell>
          <cell r="V59">
            <v>2124</v>
          </cell>
          <cell r="W59">
            <v>859</v>
          </cell>
          <cell r="X59">
            <v>163</v>
          </cell>
          <cell r="Y59">
            <v>19</v>
          </cell>
        </row>
        <row r="60">
          <cell r="D60">
            <v>88870</v>
          </cell>
          <cell r="E60">
            <v>2609</v>
          </cell>
          <cell r="F60">
            <v>3372</v>
          </cell>
          <cell r="G60">
            <v>3668</v>
          </cell>
          <cell r="H60">
            <v>4014</v>
          </cell>
          <cell r="I60">
            <v>4634</v>
          </cell>
          <cell r="J60">
            <v>4737</v>
          </cell>
          <cell r="K60">
            <v>4517</v>
          </cell>
          <cell r="L60">
            <v>4545</v>
          </cell>
          <cell r="M60">
            <v>5299</v>
          </cell>
          <cell r="N60">
            <v>6046</v>
          </cell>
          <cell r="O60">
            <v>7550</v>
          </cell>
          <cell r="P60">
            <v>6867</v>
          </cell>
          <cell r="Q60">
            <v>5668</v>
          </cell>
          <cell r="R60">
            <v>4648</v>
          </cell>
          <cell r="S60">
            <v>4732</v>
          </cell>
          <cell r="T60">
            <v>5774</v>
          </cell>
          <cell r="U60">
            <v>4674</v>
          </cell>
          <cell r="V60">
            <v>3215</v>
          </cell>
          <cell r="W60">
            <v>1770</v>
          </cell>
          <cell r="X60">
            <v>461</v>
          </cell>
          <cell r="Y60">
            <v>70</v>
          </cell>
        </row>
        <row r="61">
          <cell r="D61">
            <v>118591</v>
          </cell>
          <cell r="E61">
            <v>3710</v>
          </cell>
          <cell r="F61">
            <v>4141</v>
          </cell>
          <cell r="G61">
            <v>4731</v>
          </cell>
          <cell r="H61">
            <v>5446</v>
          </cell>
          <cell r="I61">
            <v>6011</v>
          </cell>
          <cell r="J61">
            <v>6201</v>
          </cell>
          <cell r="K61">
            <v>6132</v>
          </cell>
          <cell r="L61">
            <v>6062</v>
          </cell>
          <cell r="M61">
            <v>6615</v>
          </cell>
          <cell r="N61">
            <v>7685</v>
          </cell>
          <cell r="O61">
            <v>10295</v>
          </cell>
          <cell r="P61">
            <v>9652</v>
          </cell>
          <cell r="Q61">
            <v>7851</v>
          </cell>
          <cell r="R61">
            <v>6162</v>
          </cell>
          <cell r="S61">
            <v>6534</v>
          </cell>
          <cell r="T61">
            <v>7916</v>
          </cell>
          <cell r="U61">
            <v>6250</v>
          </cell>
          <cell r="V61">
            <v>4459</v>
          </cell>
          <cell r="W61">
            <v>2104</v>
          </cell>
          <cell r="X61">
            <v>559</v>
          </cell>
          <cell r="Y61">
            <v>75</v>
          </cell>
        </row>
        <row r="62">
          <cell r="D62">
            <v>57921</v>
          </cell>
          <cell r="E62">
            <v>1924</v>
          </cell>
          <cell r="F62">
            <v>2168</v>
          </cell>
          <cell r="G62">
            <v>2380</v>
          </cell>
          <cell r="H62">
            <v>2767</v>
          </cell>
          <cell r="I62">
            <v>3004</v>
          </cell>
          <cell r="J62">
            <v>3050</v>
          </cell>
          <cell r="K62">
            <v>3127</v>
          </cell>
          <cell r="L62">
            <v>3145</v>
          </cell>
          <cell r="M62">
            <v>3457</v>
          </cell>
          <cell r="N62">
            <v>3928</v>
          </cell>
          <cell r="O62">
            <v>5235</v>
          </cell>
          <cell r="P62">
            <v>4993</v>
          </cell>
          <cell r="Q62">
            <v>4017</v>
          </cell>
          <cell r="R62">
            <v>3083</v>
          </cell>
          <cell r="S62">
            <v>3102</v>
          </cell>
          <cell r="T62">
            <v>3440</v>
          </cell>
          <cell r="U62">
            <v>2559</v>
          </cell>
          <cell r="V62">
            <v>1750</v>
          </cell>
          <cell r="W62">
            <v>658</v>
          </cell>
          <cell r="X62">
            <v>125</v>
          </cell>
          <cell r="Y62">
            <v>9</v>
          </cell>
        </row>
        <row r="63">
          <cell r="D63">
            <v>60670</v>
          </cell>
          <cell r="E63">
            <v>1786</v>
          </cell>
          <cell r="F63">
            <v>1973</v>
          </cell>
          <cell r="G63">
            <v>2351</v>
          </cell>
          <cell r="H63">
            <v>2679</v>
          </cell>
          <cell r="I63">
            <v>3007</v>
          </cell>
          <cell r="J63">
            <v>3151</v>
          </cell>
          <cell r="K63">
            <v>3005</v>
          </cell>
          <cell r="L63">
            <v>2917</v>
          </cell>
          <cell r="M63">
            <v>3158</v>
          </cell>
          <cell r="N63">
            <v>3757</v>
          </cell>
          <cell r="O63">
            <v>5060</v>
          </cell>
          <cell r="P63">
            <v>4659</v>
          </cell>
          <cell r="Q63">
            <v>3834</v>
          </cell>
          <cell r="R63">
            <v>3079</v>
          </cell>
          <cell r="S63">
            <v>3432</v>
          </cell>
          <cell r="T63">
            <v>4476</v>
          </cell>
          <cell r="U63">
            <v>3691</v>
          </cell>
          <cell r="V63">
            <v>2709</v>
          </cell>
          <cell r="W63">
            <v>1446</v>
          </cell>
          <cell r="X63">
            <v>434</v>
          </cell>
          <cell r="Y63">
            <v>66</v>
          </cell>
        </row>
        <row r="64">
          <cell r="D64">
            <v>118167</v>
          </cell>
          <cell r="E64">
            <v>3591</v>
          </cell>
          <cell r="F64">
            <v>4082</v>
          </cell>
          <cell r="G64">
            <v>4604</v>
          </cell>
          <cell r="H64">
            <v>5370</v>
          </cell>
          <cell r="I64">
            <v>5723</v>
          </cell>
          <cell r="J64">
            <v>5257</v>
          </cell>
          <cell r="K64">
            <v>5474</v>
          </cell>
          <cell r="L64">
            <v>5702</v>
          </cell>
          <cell r="M64">
            <v>6518</v>
          </cell>
          <cell r="N64">
            <v>7741</v>
          </cell>
          <cell r="O64">
            <v>10445</v>
          </cell>
          <cell r="P64">
            <v>9536</v>
          </cell>
          <cell r="Q64">
            <v>7283</v>
          </cell>
          <cell r="R64">
            <v>5959</v>
          </cell>
          <cell r="S64">
            <v>6647</v>
          </cell>
          <cell r="T64">
            <v>8825</v>
          </cell>
          <cell r="U64">
            <v>7593</v>
          </cell>
          <cell r="V64">
            <v>4985</v>
          </cell>
          <cell r="W64">
            <v>2206</v>
          </cell>
          <cell r="X64">
            <v>537</v>
          </cell>
          <cell r="Y64">
            <v>89</v>
          </cell>
        </row>
        <row r="65">
          <cell r="D65">
            <v>57365</v>
          </cell>
          <cell r="E65">
            <v>1805</v>
          </cell>
          <cell r="F65">
            <v>2128</v>
          </cell>
          <cell r="G65">
            <v>2394</v>
          </cell>
          <cell r="H65">
            <v>2751</v>
          </cell>
          <cell r="I65">
            <v>2926</v>
          </cell>
          <cell r="J65">
            <v>2610</v>
          </cell>
          <cell r="K65">
            <v>2690</v>
          </cell>
          <cell r="L65">
            <v>2920</v>
          </cell>
          <cell r="M65">
            <v>3276</v>
          </cell>
          <cell r="N65">
            <v>3918</v>
          </cell>
          <cell r="O65">
            <v>5277</v>
          </cell>
          <cell r="P65">
            <v>4954</v>
          </cell>
          <cell r="Q65">
            <v>3743</v>
          </cell>
          <cell r="R65">
            <v>2875</v>
          </cell>
          <cell r="S65">
            <v>3007</v>
          </cell>
          <cell r="T65">
            <v>3728</v>
          </cell>
          <cell r="U65">
            <v>3224</v>
          </cell>
          <cell r="V65">
            <v>2139</v>
          </cell>
          <cell r="W65">
            <v>846</v>
          </cell>
          <cell r="X65">
            <v>136</v>
          </cell>
          <cell r="Y65">
            <v>18</v>
          </cell>
        </row>
        <row r="66">
          <cell r="D66">
            <v>60802</v>
          </cell>
          <cell r="E66">
            <v>1786</v>
          </cell>
          <cell r="F66">
            <v>1954</v>
          </cell>
          <cell r="G66">
            <v>2210</v>
          </cell>
          <cell r="H66">
            <v>2619</v>
          </cell>
          <cell r="I66">
            <v>2797</v>
          </cell>
          <cell r="J66">
            <v>2647</v>
          </cell>
          <cell r="K66">
            <v>2784</v>
          </cell>
          <cell r="L66">
            <v>2782</v>
          </cell>
          <cell r="M66">
            <v>3242</v>
          </cell>
          <cell r="N66">
            <v>3823</v>
          </cell>
          <cell r="O66">
            <v>5168</v>
          </cell>
          <cell r="P66">
            <v>4582</v>
          </cell>
          <cell r="Q66">
            <v>3540</v>
          </cell>
          <cell r="R66">
            <v>3084</v>
          </cell>
          <cell r="S66">
            <v>3640</v>
          </cell>
          <cell r="T66">
            <v>5097</v>
          </cell>
          <cell r="U66">
            <v>4369</v>
          </cell>
          <cell r="V66">
            <v>2846</v>
          </cell>
          <cell r="W66">
            <v>1360</v>
          </cell>
          <cell r="X66">
            <v>401</v>
          </cell>
          <cell r="Y66">
            <v>71</v>
          </cell>
        </row>
        <row r="67">
          <cell r="D67">
            <v>147817</v>
          </cell>
          <cell r="E67">
            <v>4687</v>
          </cell>
          <cell r="F67">
            <v>5407</v>
          </cell>
          <cell r="G67">
            <v>5961</v>
          </cell>
          <cell r="H67">
            <v>6766</v>
          </cell>
          <cell r="I67">
            <v>7034</v>
          </cell>
          <cell r="J67">
            <v>7159</v>
          </cell>
          <cell r="K67">
            <v>7260</v>
          </cell>
          <cell r="L67">
            <v>7303</v>
          </cell>
          <cell r="M67">
            <v>8102</v>
          </cell>
          <cell r="N67">
            <v>9595</v>
          </cell>
          <cell r="O67">
            <v>12698</v>
          </cell>
          <cell r="P67">
            <v>12149</v>
          </cell>
          <cell r="Q67">
            <v>9946</v>
          </cell>
          <cell r="R67">
            <v>8058</v>
          </cell>
          <cell r="S67">
            <v>8419</v>
          </cell>
          <cell r="T67">
            <v>10294</v>
          </cell>
          <cell r="U67">
            <v>8155</v>
          </cell>
          <cell r="V67">
            <v>5462</v>
          </cell>
          <cell r="W67">
            <v>2662</v>
          </cell>
          <cell r="X67">
            <v>622</v>
          </cell>
          <cell r="Y67">
            <v>78</v>
          </cell>
        </row>
        <row r="68">
          <cell r="D68">
            <v>72165</v>
          </cell>
          <cell r="E68">
            <v>2365</v>
          </cell>
          <cell r="F68">
            <v>2768</v>
          </cell>
          <cell r="G68">
            <v>3061</v>
          </cell>
          <cell r="H68">
            <v>3490</v>
          </cell>
          <cell r="I68">
            <v>3529</v>
          </cell>
          <cell r="J68">
            <v>3509</v>
          </cell>
          <cell r="K68">
            <v>3643</v>
          </cell>
          <cell r="L68">
            <v>3669</v>
          </cell>
          <cell r="M68">
            <v>4136</v>
          </cell>
          <cell r="N68">
            <v>4934</v>
          </cell>
          <cell r="O68">
            <v>6400</v>
          </cell>
          <cell r="P68">
            <v>6221</v>
          </cell>
          <cell r="Q68">
            <v>5084</v>
          </cell>
          <cell r="R68">
            <v>4058</v>
          </cell>
          <cell r="S68">
            <v>4024</v>
          </cell>
          <cell r="T68">
            <v>4636</v>
          </cell>
          <cell r="U68">
            <v>3429</v>
          </cell>
          <cell r="V68">
            <v>2155</v>
          </cell>
          <cell r="W68">
            <v>904</v>
          </cell>
          <cell r="X68">
            <v>140</v>
          </cell>
          <cell r="Y68">
            <v>10</v>
          </cell>
        </row>
        <row r="69">
          <cell r="D69">
            <v>75652</v>
          </cell>
          <cell r="E69">
            <v>2322</v>
          </cell>
          <cell r="F69">
            <v>2639</v>
          </cell>
          <cell r="G69">
            <v>2900</v>
          </cell>
          <cell r="H69">
            <v>3276</v>
          </cell>
          <cell r="I69">
            <v>3505</v>
          </cell>
          <cell r="J69">
            <v>3650</v>
          </cell>
          <cell r="K69">
            <v>3617</v>
          </cell>
          <cell r="L69">
            <v>3634</v>
          </cell>
          <cell r="M69">
            <v>3966</v>
          </cell>
          <cell r="N69">
            <v>4661</v>
          </cell>
          <cell r="O69">
            <v>6298</v>
          </cell>
          <cell r="P69">
            <v>5928</v>
          </cell>
          <cell r="Q69">
            <v>4862</v>
          </cell>
          <cell r="R69">
            <v>4000</v>
          </cell>
          <cell r="S69">
            <v>4395</v>
          </cell>
          <cell r="T69">
            <v>5658</v>
          </cell>
          <cell r="U69">
            <v>4726</v>
          </cell>
          <cell r="V69">
            <v>3307</v>
          </cell>
          <cell r="W69">
            <v>1758</v>
          </cell>
          <cell r="X69">
            <v>482</v>
          </cell>
          <cell r="Y69">
            <v>68</v>
          </cell>
        </row>
        <row r="70">
          <cell r="D70">
            <v>299162</v>
          </cell>
          <cell r="E70">
            <v>9092</v>
          </cell>
          <cell r="F70">
            <v>11787</v>
          </cell>
          <cell r="G70">
            <v>13807</v>
          </cell>
          <cell r="H70">
            <v>14801</v>
          </cell>
          <cell r="I70">
            <v>16577</v>
          </cell>
          <cell r="J70">
            <v>15149</v>
          </cell>
          <cell r="K70">
            <v>14215</v>
          </cell>
          <cell r="L70">
            <v>14796</v>
          </cell>
          <cell r="M70">
            <v>17915</v>
          </cell>
          <cell r="N70">
            <v>21227</v>
          </cell>
          <cell r="O70">
            <v>25852</v>
          </cell>
          <cell r="P70">
            <v>27239</v>
          </cell>
          <cell r="Q70">
            <v>23394</v>
          </cell>
          <cell r="R70">
            <v>17068</v>
          </cell>
          <cell r="S70">
            <v>14601</v>
          </cell>
          <cell r="T70">
            <v>16713</v>
          </cell>
          <cell r="U70">
            <v>11863</v>
          </cell>
          <cell r="V70">
            <v>7701</v>
          </cell>
          <cell r="W70">
            <v>3962</v>
          </cell>
          <cell r="X70">
            <v>1204</v>
          </cell>
          <cell r="Y70">
            <v>199</v>
          </cell>
        </row>
        <row r="71">
          <cell r="D71">
            <v>144087</v>
          </cell>
          <cell r="E71">
            <v>4677</v>
          </cell>
          <cell r="F71">
            <v>6064</v>
          </cell>
          <cell r="G71">
            <v>7102</v>
          </cell>
          <cell r="H71">
            <v>7584</v>
          </cell>
          <cell r="I71">
            <v>8355</v>
          </cell>
          <cell r="J71">
            <v>7152</v>
          </cell>
          <cell r="K71">
            <v>6844</v>
          </cell>
          <cell r="L71">
            <v>7169</v>
          </cell>
          <cell r="M71">
            <v>8756</v>
          </cell>
          <cell r="N71">
            <v>10263</v>
          </cell>
          <cell r="O71">
            <v>12285</v>
          </cell>
          <cell r="P71">
            <v>13174</v>
          </cell>
          <cell r="Q71">
            <v>11911</v>
          </cell>
          <cell r="R71">
            <v>8556</v>
          </cell>
          <cell r="S71">
            <v>6867</v>
          </cell>
          <cell r="T71">
            <v>7540</v>
          </cell>
          <cell r="U71">
            <v>5088</v>
          </cell>
          <cell r="V71">
            <v>3048</v>
          </cell>
          <cell r="W71">
            <v>1342</v>
          </cell>
          <cell r="X71">
            <v>284</v>
          </cell>
          <cell r="Y71">
            <v>26</v>
          </cell>
        </row>
        <row r="72">
          <cell r="D72">
            <v>155075</v>
          </cell>
          <cell r="E72">
            <v>4415</v>
          </cell>
          <cell r="F72">
            <v>5723</v>
          </cell>
          <cell r="G72">
            <v>6705</v>
          </cell>
          <cell r="H72">
            <v>7217</v>
          </cell>
          <cell r="I72">
            <v>8222</v>
          </cell>
          <cell r="J72">
            <v>7997</v>
          </cell>
          <cell r="K72">
            <v>7371</v>
          </cell>
          <cell r="L72">
            <v>7627</v>
          </cell>
          <cell r="M72">
            <v>9159</v>
          </cell>
          <cell r="N72">
            <v>10964</v>
          </cell>
          <cell r="O72">
            <v>13567</v>
          </cell>
          <cell r="P72">
            <v>14065</v>
          </cell>
          <cell r="Q72">
            <v>11483</v>
          </cell>
          <cell r="R72">
            <v>8512</v>
          </cell>
          <cell r="S72">
            <v>7734</v>
          </cell>
          <cell r="T72">
            <v>9173</v>
          </cell>
          <cell r="U72">
            <v>6775</v>
          </cell>
          <cell r="V72">
            <v>4653</v>
          </cell>
          <cell r="W72">
            <v>2620</v>
          </cell>
          <cell r="X72">
            <v>920</v>
          </cell>
          <cell r="Y72">
            <v>173</v>
          </cell>
        </row>
        <row r="73">
          <cell r="D73">
            <v>209253</v>
          </cell>
          <cell r="E73">
            <v>7195</v>
          </cell>
          <cell r="F73">
            <v>9180</v>
          </cell>
          <cell r="G73">
            <v>11034</v>
          </cell>
          <cell r="H73">
            <v>11776</v>
          </cell>
          <cell r="I73">
            <v>11724</v>
          </cell>
          <cell r="J73">
            <v>10841</v>
          </cell>
          <cell r="K73">
            <v>10781</v>
          </cell>
          <cell r="L73">
            <v>11103</v>
          </cell>
          <cell r="M73">
            <v>13424</v>
          </cell>
          <cell r="N73">
            <v>15702</v>
          </cell>
          <cell r="O73">
            <v>19316</v>
          </cell>
          <cell r="P73">
            <v>19248</v>
          </cell>
          <cell r="Q73">
            <v>15343</v>
          </cell>
          <cell r="R73">
            <v>10250</v>
          </cell>
          <cell r="S73">
            <v>8537</v>
          </cell>
          <cell r="T73">
            <v>9355</v>
          </cell>
          <cell r="U73">
            <v>6813</v>
          </cell>
          <cell r="V73">
            <v>4637</v>
          </cell>
          <cell r="W73">
            <v>2334</v>
          </cell>
          <cell r="X73">
            <v>579</v>
          </cell>
          <cell r="Y73">
            <v>81</v>
          </cell>
        </row>
        <row r="74">
          <cell r="D74">
            <v>103175</v>
          </cell>
          <cell r="E74">
            <v>3658</v>
          </cell>
          <cell r="F74">
            <v>4671</v>
          </cell>
          <cell r="G74">
            <v>5704</v>
          </cell>
          <cell r="H74">
            <v>6113</v>
          </cell>
          <cell r="I74">
            <v>5880</v>
          </cell>
          <cell r="J74">
            <v>5353</v>
          </cell>
          <cell r="K74">
            <v>5452</v>
          </cell>
          <cell r="L74">
            <v>5482</v>
          </cell>
          <cell r="M74">
            <v>6712</v>
          </cell>
          <cell r="N74">
            <v>7712</v>
          </cell>
          <cell r="O74">
            <v>9414</v>
          </cell>
          <cell r="P74">
            <v>9744</v>
          </cell>
          <cell r="Q74">
            <v>7968</v>
          </cell>
          <cell r="R74">
            <v>5334</v>
          </cell>
          <cell r="S74">
            <v>4157</v>
          </cell>
          <cell r="T74">
            <v>4361</v>
          </cell>
          <cell r="U74">
            <v>2824</v>
          </cell>
          <cell r="V74">
            <v>1735</v>
          </cell>
          <cell r="W74">
            <v>756</v>
          </cell>
          <cell r="X74">
            <v>132</v>
          </cell>
          <cell r="Y74">
            <v>13</v>
          </cell>
        </row>
        <row r="75">
          <cell r="D75">
            <v>106078</v>
          </cell>
          <cell r="E75">
            <v>3537</v>
          </cell>
          <cell r="F75">
            <v>4509</v>
          </cell>
          <cell r="G75">
            <v>5330</v>
          </cell>
          <cell r="H75">
            <v>5663</v>
          </cell>
          <cell r="I75">
            <v>5844</v>
          </cell>
          <cell r="J75">
            <v>5488</v>
          </cell>
          <cell r="K75">
            <v>5329</v>
          </cell>
          <cell r="L75">
            <v>5621</v>
          </cell>
          <cell r="M75">
            <v>6712</v>
          </cell>
          <cell r="N75">
            <v>7990</v>
          </cell>
          <cell r="O75">
            <v>9902</v>
          </cell>
          <cell r="P75">
            <v>9504</v>
          </cell>
          <cell r="Q75">
            <v>7375</v>
          </cell>
          <cell r="R75">
            <v>4916</v>
          </cell>
          <cell r="S75">
            <v>4380</v>
          </cell>
          <cell r="T75">
            <v>4994</v>
          </cell>
          <cell r="U75">
            <v>3989</v>
          </cell>
          <cell r="V75">
            <v>2902</v>
          </cell>
          <cell r="W75">
            <v>1578</v>
          </cell>
          <cell r="X75">
            <v>447</v>
          </cell>
          <cell r="Y75">
            <v>68</v>
          </cell>
        </row>
        <row r="77">
          <cell r="D77">
            <v>1480937</v>
          </cell>
          <cell r="E77">
            <v>49604</v>
          </cell>
          <cell r="F77">
            <v>57015</v>
          </cell>
          <cell r="G77">
            <v>61787</v>
          </cell>
          <cell r="H77">
            <v>63065</v>
          </cell>
          <cell r="I77">
            <v>82660</v>
          </cell>
          <cell r="J77">
            <v>113698</v>
          </cell>
          <cell r="K77">
            <v>102516</v>
          </cell>
          <cell r="L77">
            <v>94872</v>
          </cell>
          <cell r="M77">
            <v>102846</v>
          </cell>
          <cell r="N77">
            <v>111683</v>
          </cell>
          <cell r="O77">
            <v>126180</v>
          </cell>
          <cell r="P77">
            <v>112740</v>
          </cell>
          <cell r="Q77">
            <v>90984</v>
          </cell>
          <cell r="R77">
            <v>68130</v>
          </cell>
          <cell r="S77">
            <v>64361</v>
          </cell>
          <cell r="T77">
            <v>71446</v>
          </cell>
          <cell r="U77">
            <v>50693</v>
          </cell>
          <cell r="V77">
            <v>33586</v>
          </cell>
          <cell r="W77">
            <v>17374</v>
          </cell>
          <cell r="X77">
            <v>4943</v>
          </cell>
          <cell r="Y77">
            <v>754</v>
          </cell>
        </row>
        <row r="78">
          <cell r="D78">
            <v>748143</v>
          </cell>
          <cell r="E78">
            <v>25495</v>
          </cell>
          <cell r="F78">
            <v>29174</v>
          </cell>
          <cell r="G78">
            <v>31798</v>
          </cell>
          <cell r="H78">
            <v>32409</v>
          </cell>
          <cell r="I78">
            <v>42206</v>
          </cell>
          <cell r="J78">
            <v>58745</v>
          </cell>
          <cell r="K78">
            <v>53455</v>
          </cell>
          <cell r="L78">
            <v>49612</v>
          </cell>
          <cell r="M78">
            <v>54065</v>
          </cell>
          <cell r="N78">
            <v>57963</v>
          </cell>
          <cell r="O78">
            <v>65619</v>
          </cell>
          <cell r="P78">
            <v>59680</v>
          </cell>
          <cell r="Q78">
            <v>48089</v>
          </cell>
          <cell r="R78">
            <v>35195</v>
          </cell>
          <cell r="S78">
            <v>31538</v>
          </cell>
          <cell r="T78">
            <v>32986</v>
          </cell>
          <cell r="U78">
            <v>21413</v>
          </cell>
          <cell r="V78">
            <v>12391</v>
          </cell>
          <cell r="W78">
            <v>5131</v>
          </cell>
          <cell r="X78">
            <v>1071</v>
          </cell>
          <cell r="Y78">
            <v>108</v>
          </cell>
        </row>
        <row r="79">
          <cell r="D79">
            <v>732794</v>
          </cell>
          <cell r="E79">
            <v>24109</v>
          </cell>
          <cell r="F79">
            <v>27841</v>
          </cell>
          <cell r="G79">
            <v>29989</v>
          </cell>
          <cell r="H79">
            <v>30656</v>
          </cell>
          <cell r="I79">
            <v>40454</v>
          </cell>
          <cell r="J79">
            <v>54953</v>
          </cell>
          <cell r="K79">
            <v>49061</v>
          </cell>
          <cell r="L79">
            <v>45260</v>
          </cell>
          <cell r="M79">
            <v>48781</v>
          </cell>
          <cell r="N79">
            <v>53720</v>
          </cell>
          <cell r="O79">
            <v>60561</v>
          </cell>
          <cell r="P79">
            <v>53060</v>
          </cell>
          <cell r="Q79">
            <v>42895</v>
          </cell>
          <cell r="R79">
            <v>32935</v>
          </cell>
          <cell r="S79">
            <v>32823</v>
          </cell>
          <cell r="T79">
            <v>38460</v>
          </cell>
          <cell r="U79">
            <v>29280</v>
          </cell>
          <cell r="V79">
            <v>21195</v>
          </cell>
          <cell r="W79">
            <v>12243</v>
          </cell>
          <cell r="X79">
            <v>3872</v>
          </cell>
          <cell r="Y79">
            <v>646</v>
          </cell>
        </row>
        <row r="81">
          <cell r="D81">
            <v>213430</v>
          </cell>
          <cell r="E81">
            <v>5563</v>
          </cell>
          <cell r="F81">
            <v>6668</v>
          </cell>
          <cell r="G81">
            <v>7801</v>
          </cell>
          <cell r="H81">
            <v>8511</v>
          </cell>
          <cell r="I81">
            <v>12224</v>
          </cell>
          <cell r="J81">
            <v>16515</v>
          </cell>
          <cell r="K81">
            <v>14566</v>
          </cell>
          <cell r="L81">
            <v>13338</v>
          </cell>
          <cell r="M81">
            <v>14565</v>
          </cell>
          <cell r="N81">
            <v>15902</v>
          </cell>
          <cell r="O81">
            <v>18835</v>
          </cell>
          <cell r="P81">
            <v>15910</v>
          </cell>
          <cell r="Q81">
            <v>13091</v>
          </cell>
          <cell r="R81">
            <v>10662</v>
          </cell>
          <cell r="S81">
            <v>10949</v>
          </cell>
          <cell r="T81">
            <v>11623</v>
          </cell>
          <cell r="U81">
            <v>7914</v>
          </cell>
          <cell r="V81">
            <v>5210</v>
          </cell>
          <cell r="W81">
            <v>2703</v>
          </cell>
          <cell r="X81">
            <v>762</v>
          </cell>
          <cell r="Y81">
            <v>118</v>
          </cell>
        </row>
        <row r="82">
          <cell r="D82">
            <v>116227</v>
          </cell>
          <cell r="E82">
            <v>2883</v>
          </cell>
          <cell r="F82">
            <v>3482</v>
          </cell>
          <cell r="G82">
            <v>4056</v>
          </cell>
          <cell r="H82">
            <v>4366</v>
          </cell>
          <cell r="I82">
            <v>6646</v>
          </cell>
          <cell r="J82">
            <v>9525</v>
          </cell>
          <cell r="K82">
            <v>8612</v>
          </cell>
          <cell r="L82">
            <v>7781</v>
          </cell>
          <cell r="M82">
            <v>8380</v>
          </cell>
          <cell r="N82">
            <v>9047</v>
          </cell>
          <cell r="O82">
            <v>10876</v>
          </cell>
          <cell r="P82">
            <v>9208</v>
          </cell>
          <cell r="Q82">
            <v>7445</v>
          </cell>
          <cell r="R82">
            <v>5893</v>
          </cell>
          <cell r="S82">
            <v>5917</v>
          </cell>
          <cell r="T82">
            <v>5747</v>
          </cell>
          <cell r="U82">
            <v>3575</v>
          </cell>
          <cell r="V82">
            <v>1857</v>
          </cell>
          <cell r="W82">
            <v>774</v>
          </cell>
          <cell r="X82">
            <v>146</v>
          </cell>
          <cell r="Y82">
            <v>11</v>
          </cell>
        </row>
        <row r="83">
          <cell r="D83">
            <v>97203</v>
          </cell>
          <cell r="E83">
            <v>2680</v>
          </cell>
          <cell r="F83">
            <v>3186</v>
          </cell>
          <cell r="G83">
            <v>3745</v>
          </cell>
          <cell r="H83">
            <v>4145</v>
          </cell>
          <cell r="I83">
            <v>5578</v>
          </cell>
          <cell r="J83">
            <v>6990</v>
          </cell>
          <cell r="K83">
            <v>5954</v>
          </cell>
          <cell r="L83">
            <v>5557</v>
          </cell>
          <cell r="M83">
            <v>6185</v>
          </cell>
          <cell r="N83">
            <v>6855</v>
          </cell>
          <cell r="O83">
            <v>7959</v>
          </cell>
          <cell r="P83">
            <v>6702</v>
          </cell>
          <cell r="Q83">
            <v>5646</v>
          </cell>
          <cell r="R83">
            <v>4769</v>
          </cell>
          <cell r="S83">
            <v>5032</v>
          </cell>
          <cell r="T83">
            <v>5876</v>
          </cell>
          <cell r="U83">
            <v>4339</v>
          </cell>
          <cell r="V83">
            <v>3353</v>
          </cell>
          <cell r="W83">
            <v>1929</v>
          </cell>
          <cell r="X83">
            <v>616</v>
          </cell>
          <cell r="Y83">
            <v>107</v>
          </cell>
        </row>
        <row r="84">
          <cell r="D84">
            <v>168413</v>
          </cell>
          <cell r="E84">
            <v>6607</v>
          </cell>
          <cell r="F84">
            <v>7381</v>
          </cell>
          <cell r="G84">
            <v>7226</v>
          </cell>
          <cell r="H84">
            <v>7065</v>
          </cell>
          <cell r="I84">
            <v>8015</v>
          </cell>
          <cell r="J84">
            <v>11636</v>
          </cell>
          <cell r="K84">
            <v>11867</v>
          </cell>
          <cell r="L84">
            <v>11603</v>
          </cell>
          <cell r="M84">
            <v>12578</v>
          </cell>
          <cell r="N84">
            <v>13250</v>
          </cell>
          <cell r="O84">
            <v>14161</v>
          </cell>
          <cell r="P84">
            <v>11698</v>
          </cell>
          <cell r="Q84">
            <v>8987</v>
          </cell>
          <cell r="R84">
            <v>7295</v>
          </cell>
          <cell r="S84">
            <v>7628</v>
          </cell>
          <cell r="T84">
            <v>8714</v>
          </cell>
          <cell r="U84">
            <v>6042</v>
          </cell>
          <cell r="V84">
            <v>3925</v>
          </cell>
          <cell r="W84">
            <v>2084</v>
          </cell>
          <cell r="X84">
            <v>570</v>
          </cell>
          <cell r="Y84">
            <v>81</v>
          </cell>
        </row>
        <row r="85">
          <cell r="D85">
            <v>85793</v>
          </cell>
          <cell r="E85">
            <v>3416</v>
          </cell>
          <cell r="F85">
            <v>3799</v>
          </cell>
          <cell r="G85">
            <v>3700</v>
          </cell>
          <cell r="H85">
            <v>3592</v>
          </cell>
          <cell r="I85">
            <v>4125</v>
          </cell>
          <cell r="J85">
            <v>6277</v>
          </cell>
          <cell r="K85">
            <v>6306</v>
          </cell>
          <cell r="L85">
            <v>6218</v>
          </cell>
          <cell r="M85">
            <v>6750</v>
          </cell>
          <cell r="N85">
            <v>6981</v>
          </cell>
          <cell r="O85">
            <v>7587</v>
          </cell>
          <cell r="P85">
            <v>6271</v>
          </cell>
          <cell r="Q85">
            <v>4780</v>
          </cell>
          <cell r="R85">
            <v>3738</v>
          </cell>
          <cell r="S85">
            <v>3673</v>
          </cell>
          <cell r="T85">
            <v>3979</v>
          </cell>
          <cell r="U85">
            <v>2519</v>
          </cell>
          <cell r="V85">
            <v>1429</v>
          </cell>
          <cell r="W85">
            <v>544</v>
          </cell>
          <cell r="X85">
            <v>99</v>
          </cell>
          <cell r="Y85">
            <v>10</v>
          </cell>
        </row>
        <row r="86">
          <cell r="D86">
            <v>82620</v>
          </cell>
          <cell r="E86">
            <v>3191</v>
          </cell>
          <cell r="F86">
            <v>3582</v>
          </cell>
          <cell r="G86">
            <v>3526</v>
          </cell>
          <cell r="H86">
            <v>3473</v>
          </cell>
          <cell r="I86">
            <v>3890</v>
          </cell>
          <cell r="J86">
            <v>5359</v>
          </cell>
          <cell r="K86">
            <v>5561</v>
          </cell>
          <cell r="L86">
            <v>5385</v>
          </cell>
          <cell r="M86">
            <v>5828</v>
          </cell>
          <cell r="N86">
            <v>6269</v>
          </cell>
          <cell r="O86">
            <v>6574</v>
          </cell>
          <cell r="P86">
            <v>5427</v>
          </cell>
          <cell r="Q86">
            <v>4207</v>
          </cell>
          <cell r="R86">
            <v>3557</v>
          </cell>
          <cell r="S86">
            <v>3955</v>
          </cell>
          <cell r="T86">
            <v>4735</v>
          </cell>
          <cell r="U86">
            <v>3523</v>
          </cell>
          <cell r="V86">
            <v>2496</v>
          </cell>
          <cell r="W86">
            <v>1540</v>
          </cell>
          <cell r="X86">
            <v>471</v>
          </cell>
          <cell r="Y86">
            <v>71</v>
          </cell>
        </row>
        <row r="87">
          <cell r="D87">
            <v>257617</v>
          </cell>
          <cell r="E87">
            <v>9715</v>
          </cell>
          <cell r="F87">
            <v>10249</v>
          </cell>
          <cell r="G87">
            <v>10746</v>
          </cell>
          <cell r="H87">
            <v>10225</v>
          </cell>
          <cell r="I87">
            <v>14841</v>
          </cell>
          <cell r="J87">
            <v>25193</v>
          </cell>
          <cell r="K87">
            <v>21649</v>
          </cell>
          <cell r="L87">
            <v>18420</v>
          </cell>
          <cell r="M87">
            <v>19325</v>
          </cell>
          <cell r="N87">
            <v>20113</v>
          </cell>
          <cell r="O87">
            <v>21839</v>
          </cell>
          <cell r="P87">
            <v>18681</v>
          </cell>
          <cell r="Q87">
            <v>14350</v>
          </cell>
          <cell r="R87">
            <v>10267</v>
          </cell>
          <cell r="S87">
            <v>8754</v>
          </cell>
          <cell r="T87">
            <v>9270</v>
          </cell>
          <cell r="U87">
            <v>6439</v>
          </cell>
          <cell r="V87">
            <v>4305</v>
          </cell>
          <cell r="W87">
            <v>2345</v>
          </cell>
          <cell r="X87">
            <v>778</v>
          </cell>
          <cell r="Y87">
            <v>113</v>
          </cell>
        </row>
        <row r="88">
          <cell r="D88">
            <v>129769</v>
          </cell>
          <cell r="E88">
            <v>4934</v>
          </cell>
          <cell r="F88">
            <v>5249</v>
          </cell>
          <cell r="G88">
            <v>5547</v>
          </cell>
          <cell r="H88">
            <v>5296</v>
          </cell>
          <cell r="I88">
            <v>7650</v>
          </cell>
          <cell r="J88">
            <v>13026</v>
          </cell>
          <cell r="K88">
            <v>11007</v>
          </cell>
          <cell r="L88">
            <v>9316</v>
          </cell>
          <cell r="M88">
            <v>9957</v>
          </cell>
          <cell r="N88">
            <v>10245</v>
          </cell>
          <cell r="O88">
            <v>11143</v>
          </cell>
          <cell r="P88">
            <v>9834</v>
          </cell>
          <cell r="Q88">
            <v>7491</v>
          </cell>
          <cell r="R88">
            <v>5393</v>
          </cell>
          <cell r="S88">
            <v>4301</v>
          </cell>
          <cell r="T88">
            <v>4306</v>
          </cell>
          <cell r="U88">
            <v>2736</v>
          </cell>
          <cell r="V88">
            <v>1530</v>
          </cell>
          <cell r="W88">
            <v>639</v>
          </cell>
          <cell r="X88">
            <v>154</v>
          </cell>
          <cell r="Y88">
            <v>15</v>
          </cell>
        </row>
        <row r="89">
          <cell r="D89">
            <v>127848</v>
          </cell>
          <cell r="E89">
            <v>4781</v>
          </cell>
          <cell r="F89">
            <v>5000</v>
          </cell>
          <cell r="G89">
            <v>5199</v>
          </cell>
          <cell r="H89">
            <v>4929</v>
          </cell>
          <cell r="I89">
            <v>7191</v>
          </cell>
          <cell r="J89">
            <v>12167</v>
          </cell>
          <cell r="K89">
            <v>10642</v>
          </cell>
          <cell r="L89">
            <v>9104</v>
          </cell>
          <cell r="M89">
            <v>9368</v>
          </cell>
          <cell r="N89">
            <v>9868</v>
          </cell>
          <cell r="O89">
            <v>10696</v>
          </cell>
          <cell r="P89">
            <v>8847</v>
          </cell>
          <cell r="Q89">
            <v>6859</v>
          </cell>
          <cell r="R89">
            <v>4874</v>
          </cell>
          <cell r="S89">
            <v>4453</v>
          </cell>
          <cell r="T89">
            <v>4964</v>
          </cell>
          <cell r="U89">
            <v>3703</v>
          </cell>
          <cell r="V89">
            <v>2775</v>
          </cell>
          <cell r="W89">
            <v>1706</v>
          </cell>
          <cell r="X89">
            <v>624</v>
          </cell>
          <cell r="Y89">
            <v>98</v>
          </cell>
        </row>
        <row r="90">
          <cell r="D90">
            <v>225695</v>
          </cell>
          <cell r="E90">
            <v>7471</v>
          </cell>
          <cell r="F90">
            <v>8675</v>
          </cell>
          <cell r="G90">
            <v>9466</v>
          </cell>
          <cell r="H90">
            <v>9841</v>
          </cell>
          <cell r="I90">
            <v>12658</v>
          </cell>
          <cell r="J90">
            <v>17844</v>
          </cell>
          <cell r="K90">
            <v>15829</v>
          </cell>
          <cell r="L90">
            <v>14438</v>
          </cell>
          <cell r="M90">
            <v>15940</v>
          </cell>
          <cell r="N90">
            <v>17456</v>
          </cell>
          <cell r="O90">
            <v>19904</v>
          </cell>
          <cell r="P90">
            <v>17647</v>
          </cell>
          <cell r="Q90">
            <v>13717</v>
          </cell>
          <cell r="R90">
            <v>9680</v>
          </cell>
          <cell r="S90">
            <v>9422</v>
          </cell>
          <cell r="T90">
            <v>10422</v>
          </cell>
          <cell r="U90">
            <v>7382</v>
          </cell>
          <cell r="V90">
            <v>4720</v>
          </cell>
          <cell r="W90">
            <v>2421</v>
          </cell>
          <cell r="X90">
            <v>651</v>
          </cell>
          <cell r="Y90">
            <v>111</v>
          </cell>
        </row>
        <row r="91">
          <cell r="D91">
            <v>112616</v>
          </cell>
          <cell r="E91">
            <v>3817</v>
          </cell>
          <cell r="F91">
            <v>4354</v>
          </cell>
          <cell r="G91">
            <v>4845</v>
          </cell>
          <cell r="H91">
            <v>5066</v>
          </cell>
          <cell r="I91">
            <v>6425</v>
          </cell>
          <cell r="J91">
            <v>9051</v>
          </cell>
          <cell r="K91">
            <v>8118</v>
          </cell>
          <cell r="L91">
            <v>7401</v>
          </cell>
          <cell r="M91">
            <v>8231</v>
          </cell>
          <cell r="N91">
            <v>8860</v>
          </cell>
          <cell r="O91">
            <v>10211</v>
          </cell>
          <cell r="P91">
            <v>9260</v>
          </cell>
          <cell r="Q91">
            <v>7217</v>
          </cell>
          <cell r="R91">
            <v>4908</v>
          </cell>
          <cell r="S91">
            <v>4462</v>
          </cell>
          <cell r="T91">
            <v>4773</v>
          </cell>
          <cell r="U91">
            <v>3073</v>
          </cell>
          <cell r="V91">
            <v>1679</v>
          </cell>
          <cell r="W91">
            <v>703</v>
          </cell>
          <cell r="X91">
            <v>144</v>
          </cell>
          <cell r="Y91">
            <v>18</v>
          </cell>
        </row>
        <row r="92">
          <cell r="D92">
            <v>113079</v>
          </cell>
          <cell r="E92">
            <v>3654</v>
          </cell>
          <cell r="F92">
            <v>4321</v>
          </cell>
          <cell r="G92">
            <v>4621</v>
          </cell>
          <cell r="H92">
            <v>4775</v>
          </cell>
          <cell r="I92">
            <v>6233</v>
          </cell>
          <cell r="J92">
            <v>8793</v>
          </cell>
          <cell r="K92">
            <v>7711</v>
          </cell>
          <cell r="L92">
            <v>7037</v>
          </cell>
          <cell r="M92">
            <v>7709</v>
          </cell>
          <cell r="N92">
            <v>8596</v>
          </cell>
          <cell r="O92">
            <v>9693</v>
          </cell>
          <cell r="P92">
            <v>8387</v>
          </cell>
          <cell r="Q92">
            <v>6500</v>
          </cell>
          <cell r="R92">
            <v>4772</v>
          </cell>
          <cell r="S92">
            <v>4960</v>
          </cell>
          <cell r="T92">
            <v>5649</v>
          </cell>
          <cell r="U92">
            <v>4309</v>
          </cell>
          <cell r="V92">
            <v>3041</v>
          </cell>
          <cell r="W92">
            <v>1718</v>
          </cell>
          <cell r="X92">
            <v>507</v>
          </cell>
          <cell r="Y92">
            <v>93</v>
          </cell>
        </row>
        <row r="93">
          <cell r="D93">
            <v>213567</v>
          </cell>
          <cell r="E93">
            <v>7306</v>
          </cell>
          <cell r="F93">
            <v>7390</v>
          </cell>
          <cell r="G93">
            <v>7480</v>
          </cell>
          <cell r="H93">
            <v>7995</v>
          </cell>
          <cell r="I93">
            <v>13414</v>
          </cell>
          <cell r="J93">
            <v>19985</v>
          </cell>
          <cell r="K93">
            <v>17182</v>
          </cell>
          <cell r="L93">
            <v>14783</v>
          </cell>
          <cell r="M93">
            <v>14245</v>
          </cell>
          <cell r="N93">
            <v>14592</v>
          </cell>
          <cell r="O93">
            <v>16430</v>
          </cell>
          <cell r="P93">
            <v>15607</v>
          </cell>
          <cell r="Q93">
            <v>13279</v>
          </cell>
          <cell r="R93">
            <v>9839</v>
          </cell>
          <cell r="S93">
            <v>9025</v>
          </cell>
          <cell r="T93">
            <v>9835</v>
          </cell>
          <cell r="U93">
            <v>7064</v>
          </cell>
          <cell r="V93">
            <v>4821</v>
          </cell>
          <cell r="W93">
            <v>2472</v>
          </cell>
          <cell r="X93">
            <v>719</v>
          </cell>
          <cell r="Y93">
            <v>104</v>
          </cell>
        </row>
        <row r="94">
          <cell r="D94">
            <v>108310</v>
          </cell>
          <cell r="E94">
            <v>3733</v>
          </cell>
          <cell r="F94">
            <v>3767</v>
          </cell>
          <cell r="G94">
            <v>3844</v>
          </cell>
          <cell r="H94">
            <v>4164</v>
          </cell>
          <cell r="I94">
            <v>6966</v>
          </cell>
          <cell r="J94">
            <v>10105</v>
          </cell>
          <cell r="K94">
            <v>8973</v>
          </cell>
          <cell r="L94">
            <v>7841</v>
          </cell>
          <cell r="M94">
            <v>7618</v>
          </cell>
          <cell r="N94">
            <v>7776</v>
          </cell>
          <cell r="O94">
            <v>8553</v>
          </cell>
          <cell r="P94">
            <v>8271</v>
          </cell>
          <cell r="Q94">
            <v>7043</v>
          </cell>
          <cell r="R94">
            <v>5084</v>
          </cell>
          <cell r="S94">
            <v>4411</v>
          </cell>
          <cell r="T94">
            <v>4540</v>
          </cell>
          <cell r="U94">
            <v>2921</v>
          </cell>
          <cell r="V94">
            <v>1730</v>
          </cell>
          <cell r="W94">
            <v>775</v>
          </cell>
          <cell r="X94">
            <v>178</v>
          </cell>
          <cell r="Y94">
            <v>17</v>
          </cell>
        </row>
        <row r="95">
          <cell r="D95">
            <v>105257</v>
          </cell>
          <cell r="E95">
            <v>3573</v>
          </cell>
          <cell r="F95">
            <v>3623</v>
          </cell>
          <cell r="G95">
            <v>3636</v>
          </cell>
          <cell r="H95">
            <v>3831</v>
          </cell>
          <cell r="I95">
            <v>6448</v>
          </cell>
          <cell r="J95">
            <v>9880</v>
          </cell>
          <cell r="K95">
            <v>8209</v>
          </cell>
          <cell r="L95">
            <v>6942</v>
          </cell>
          <cell r="M95">
            <v>6627</v>
          </cell>
          <cell r="N95">
            <v>6816</v>
          </cell>
          <cell r="O95">
            <v>7877</v>
          </cell>
          <cell r="P95">
            <v>7336</v>
          </cell>
          <cell r="Q95">
            <v>6236</v>
          </cell>
          <cell r="R95">
            <v>4755</v>
          </cell>
          <cell r="S95">
            <v>4614</v>
          </cell>
          <cell r="T95">
            <v>5295</v>
          </cell>
          <cell r="U95">
            <v>4143</v>
          </cell>
          <cell r="V95">
            <v>3091</v>
          </cell>
          <cell r="W95">
            <v>1697</v>
          </cell>
          <cell r="X95">
            <v>541</v>
          </cell>
          <cell r="Y95">
            <v>87</v>
          </cell>
        </row>
        <row r="96">
          <cell r="D96">
            <v>228821</v>
          </cell>
          <cell r="E96">
            <v>7833</v>
          </cell>
          <cell r="F96">
            <v>9831</v>
          </cell>
          <cell r="G96">
            <v>11075</v>
          </cell>
          <cell r="H96">
            <v>10951</v>
          </cell>
          <cell r="I96">
            <v>11873</v>
          </cell>
          <cell r="J96">
            <v>12999</v>
          </cell>
          <cell r="K96">
            <v>12712</v>
          </cell>
          <cell r="L96">
            <v>13218</v>
          </cell>
          <cell r="M96">
            <v>15499</v>
          </cell>
          <cell r="N96">
            <v>17732</v>
          </cell>
          <cell r="O96">
            <v>20028</v>
          </cell>
          <cell r="P96">
            <v>18996</v>
          </cell>
          <cell r="Q96">
            <v>15648</v>
          </cell>
          <cell r="R96">
            <v>11077</v>
          </cell>
          <cell r="S96">
            <v>10150</v>
          </cell>
          <cell r="T96">
            <v>11539</v>
          </cell>
          <cell r="U96">
            <v>8568</v>
          </cell>
          <cell r="V96">
            <v>5622</v>
          </cell>
          <cell r="W96">
            <v>2671</v>
          </cell>
          <cell r="X96">
            <v>699</v>
          </cell>
          <cell r="Y96">
            <v>100</v>
          </cell>
        </row>
        <row r="97">
          <cell r="D97">
            <v>111597</v>
          </cell>
          <cell r="E97">
            <v>4000</v>
          </cell>
          <cell r="F97">
            <v>5048</v>
          </cell>
          <cell r="G97">
            <v>5664</v>
          </cell>
          <cell r="H97">
            <v>5649</v>
          </cell>
          <cell r="I97">
            <v>5782</v>
          </cell>
          <cell r="J97">
            <v>6244</v>
          </cell>
          <cell r="K97">
            <v>6155</v>
          </cell>
          <cell r="L97">
            <v>6560</v>
          </cell>
          <cell r="M97">
            <v>7755</v>
          </cell>
          <cell r="N97">
            <v>8804</v>
          </cell>
          <cell r="O97">
            <v>9918</v>
          </cell>
          <cell r="P97">
            <v>9717</v>
          </cell>
          <cell r="Q97">
            <v>8029</v>
          </cell>
          <cell r="R97">
            <v>5559</v>
          </cell>
          <cell r="S97">
            <v>4844</v>
          </cell>
          <cell r="T97">
            <v>5160</v>
          </cell>
          <cell r="U97">
            <v>3519</v>
          </cell>
          <cell r="V97">
            <v>2165</v>
          </cell>
          <cell r="W97">
            <v>838</v>
          </cell>
          <cell r="X97">
            <v>171</v>
          </cell>
          <cell r="Y97">
            <v>16</v>
          </cell>
        </row>
        <row r="98">
          <cell r="D98">
            <v>117224</v>
          </cell>
          <cell r="E98">
            <v>3833</v>
          </cell>
          <cell r="F98">
            <v>4783</v>
          </cell>
          <cell r="G98">
            <v>5411</v>
          </cell>
          <cell r="H98">
            <v>5302</v>
          </cell>
          <cell r="I98">
            <v>6091</v>
          </cell>
          <cell r="J98">
            <v>6755</v>
          </cell>
          <cell r="K98">
            <v>6557</v>
          </cell>
          <cell r="L98">
            <v>6658</v>
          </cell>
          <cell r="M98">
            <v>7744</v>
          </cell>
          <cell r="N98">
            <v>8928</v>
          </cell>
          <cell r="O98">
            <v>10110</v>
          </cell>
          <cell r="P98">
            <v>9279</v>
          </cell>
          <cell r="Q98">
            <v>7619</v>
          </cell>
          <cell r="R98">
            <v>5518</v>
          </cell>
          <cell r="S98">
            <v>5306</v>
          </cell>
          <cell r="T98">
            <v>6379</v>
          </cell>
          <cell r="U98">
            <v>5049</v>
          </cell>
          <cell r="V98">
            <v>3457</v>
          </cell>
          <cell r="W98">
            <v>1833</v>
          </cell>
          <cell r="X98">
            <v>528</v>
          </cell>
          <cell r="Y98">
            <v>84</v>
          </cell>
        </row>
        <row r="99">
          <cell r="D99">
            <v>173394</v>
          </cell>
          <cell r="E99">
            <v>5109</v>
          </cell>
          <cell r="F99">
            <v>6821</v>
          </cell>
          <cell r="G99">
            <v>7993</v>
          </cell>
          <cell r="H99">
            <v>8477</v>
          </cell>
          <cell r="I99">
            <v>9635</v>
          </cell>
          <cell r="J99">
            <v>9526</v>
          </cell>
          <cell r="K99">
            <v>8711</v>
          </cell>
          <cell r="L99">
            <v>9072</v>
          </cell>
          <cell r="M99">
            <v>10694</v>
          </cell>
          <cell r="N99">
            <v>12638</v>
          </cell>
          <cell r="O99">
            <v>14983</v>
          </cell>
          <cell r="P99">
            <v>14201</v>
          </cell>
          <cell r="Q99">
            <v>11912</v>
          </cell>
          <cell r="R99">
            <v>9310</v>
          </cell>
          <cell r="S99">
            <v>8433</v>
          </cell>
          <cell r="T99">
            <v>10043</v>
          </cell>
          <cell r="U99">
            <v>7284</v>
          </cell>
          <cell r="V99">
            <v>4983</v>
          </cell>
          <cell r="W99">
            <v>2678</v>
          </cell>
          <cell r="X99">
            <v>764</v>
          </cell>
          <cell r="Y99">
            <v>127</v>
          </cell>
        </row>
        <row r="100">
          <cell r="D100">
            <v>83831</v>
          </cell>
          <cell r="E100">
            <v>2712</v>
          </cell>
          <cell r="F100">
            <v>3475</v>
          </cell>
          <cell r="G100">
            <v>4142</v>
          </cell>
          <cell r="H100">
            <v>4276</v>
          </cell>
          <cell r="I100">
            <v>4612</v>
          </cell>
          <cell r="J100">
            <v>4517</v>
          </cell>
          <cell r="K100">
            <v>4284</v>
          </cell>
          <cell r="L100">
            <v>4495</v>
          </cell>
          <cell r="M100">
            <v>5374</v>
          </cell>
          <cell r="N100">
            <v>6250</v>
          </cell>
          <cell r="O100">
            <v>7331</v>
          </cell>
          <cell r="P100">
            <v>7119</v>
          </cell>
          <cell r="Q100">
            <v>6084</v>
          </cell>
          <cell r="R100">
            <v>4620</v>
          </cell>
          <cell r="S100">
            <v>3930</v>
          </cell>
          <cell r="T100">
            <v>4481</v>
          </cell>
          <cell r="U100">
            <v>3070</v>
          </cell>
          <cell r="V100">
            <v>2001</v>
          </cell>
          <cell r="W100">
            <v>858</v>
          </cell>
          <cell r="X100">
            <v>179</v>
          </cell>
          <cell r="Y100">
            <v>21</v>
          </cell>
        </row>
        <row r="101">
          <cell r="D101">
            <v>89563</v>
          </cell>
          <cell r="E101">
            <v>2397</v>
          </cell>
          <cell r="F101">
            <v>3346</v>
          </cell>
          <cell r="G101">
            <v>3851</v>
          </cell>
          <cell r="H101">
            <v>4201</v>
          </cell>
          <cell r="I101">
            <v>5023</v>
          </cell>
          <cell r="J101">
            <v>5009</v>
          </cell>
          <cell r="K101">
            <v>4427</v>
          </cell>
          <cell r="L101">
            <v>4577</v>
          </cell>
          <cell r="M101">
            <v>5320</v>
          </cell>
          <cell r="N101">
            <v>6388</v>
          </cell>
          <cell r="O101">
            <v>7652</v>
          </cell>
          <cell r="P101">
            <v>7082</v>
          </cell>
          <cell r="Q101">
            <v>5828</v>
          </cell>
          <cell r="R101">
            <v>4690</v>
          </cell>
          <cell r="S101">
            <v>4503</v>
          </cell>
          <cell r="T101">
            <v>5562</v>
          </cell>
          <cell r="U101">
            <v>4214</v>
          </cell>
          <cell r="V101">
            <v>2982</v>
          </cell>
          <cell r="W101">
            <v>1820</v>
          </cell>
          <cell r="X101">
            <v>585</v>
          </cell>
          <cell r="Y101">
            <v>106</v>
          </cell>
        </row>
        <row r="103">
          <cell r="D103">
            <v>692298</v>
          </cell>
          <cell r="E103">
            <v>19702</v>
          </cell>
          <cell r="F103">
            <v>24714</v>
          </cell>
          <cell r="G103">
            <v>28154</v>
          </cell>
          <cell r="H103">
            <v>30911</v>
          </cell>
          <cell r="I103">
            <v>34434</v>
          </cell>
          <cell r="J103">
            <v>36034</v>
          </cell>
          <cell r="K103">
            <v>36716</v>
          </cell>
          <cell r="L103">
            <v>37799</v>
          </cell>
          <cell r="M103">
            <v>42734</v>
          </cell>
          <cell r="N103">
            <v>49159</v>
          </cell>
          <cell r="O103">
            <v>60206</v>
          </cell>
          <cell r="P103">
            <v>55073</v>
          </cell>
          <cell r="Q103">
            <v>45901</v>
          </cell>
          <cell r="R103">
            <v>36780</v>
          </cell>
          <cell r="S103">
            <v>39198</v>
          </cell>
          <cell r="T103">
            <v>46088</v>
          </cell>
          <cell r="U103">
            <v>34885</v>
          </cell>
          <cell r="V103">
            <v>21737</v>
          </cell>
          <cell r="W103">
            <v>9283</v>
          </cell>
          <cell r="X103">
            <v>2439</v>
          </cell>
          <cell r="Y103">
            <v>351</v>
          </cell>
        </row>
        <row r="104">
          <cell r="D104">
            <v>346287</v>
          </cell>
          <cell r="E104">
            <v>10227</v>
          </cell>
          <cell r="F104">
            <v>12485</v>
          </cell>
          <cell r="G104">
            <v>14526</v>
          </cell>
          <cell r="H104">
            <v>15720</v>
          </cell>
          <cell r="I104">
            <v>17278</v>
          </cell>
          <cell r="J104">
            <v>18386</v>
          </cell>
          <cell r="K104">
            <v>19133</v>
          </cell>
          <cell r="L104">
            <v>20015</v>
          </cell>
          <cell r="M104">
            <v>22541</v>
          </cell>
          <cell r="N104">
            <v>25962</v>
          </cell>
          <cell r="O104">
            <v>31521</v>
          </cell>
          <cell r="P104">
            <v>28948</v>
          </cell>
          <cell r="Q104">
            <v>23949</v>
          </cell>
          <cell r="R104">
            <v>18617</v>
          </cell>
          <cell r="S104">
            <v>18866</v>
          </cell>
          <cell r="T104">
            <v>20626</v>
          </cell>
          <cell r="U104">
            <v>14901</v>
          </cell>
          <cell r="V104">
            <v>8938</v>
          </cell>
          <cell r="W104">
            <v>3016</v>
          </cell>
          <cell r="X104">
            <v>577</v>
          </cell>
          <cell r="Y104">
            <v>55</v>
          </cell>
        </row>
        <row r="105">
          <cell r="D105">
            <v>346011</v>
          </cell>
          <cell r="E105">
            <v>9475</v>
          </cell>
          <cell r="F105">
            <v>12229</v>
          </cell>
          <cell r="G105">
            <v>13628</v>
          </cell>
          <cell r="H105">
            <v>15191</v>
          </cell>
          <cell r="I105">
            <v>17156</v>
          </cell>
          <cell r="J105">
            <v>17648</v>
          </cell>
          <cell r="K105">
            <v>17583</v>
          </cell>
          <cell r="L105">
            <v>17784</v>
          </cell>
          <cell r="M105">
            <v>20193</v>
          </cell>
          <cell r="N105">
            <v>23197</v>
          </cell>
          <cell r="O105">
            <v>28685</v>
          </cell>
          <cell r="P105">
            <v>26125</v>
          </cell>
          <cell r="Q105">
            <v>21952</v>
          </cell>
          <cell r="R105">
            <v>18163</v>
          </cell>
          <cell r="S105">
            <v>20332</v>
          </cell>
          <cell r="T105">
            <v>25462</v>
          </cell>
          <cell r="U105">
            <v>19984</v>
          </cell>
          <cell r="V105">
            <v>12799</v>
          </cell>
          <cell r="W105">
            <v>6267</v>
          </cell>
          <cell r="X105">
            <v>1862</v>
          </cell>
          <cell r="Y105">
            <v>296</v>
          </cell>
        </row>
        <row r="107">
          <cell r="D107">
            <v>160596</v>
          </cell>
          <cell r="E107">
            <v>4186</v>
          </cell>
          <cell r="F107">
            <v>5376</v>
          </cell>
          <cell r="G107">
            <v>6425</v>
          </cell>
          <cell r="H107">
            <v>7253</v>
          </cell>
          <cell r="I107">
            <v>7900</v>
          </cell>
          <cell r="J107">
            <v>7635</v>
          </cell>
          <cell r="K107">
            <v>7604</v>
          </cell>
          <cell r="L107">
            <v>8151</v>
          </cell>
          <cell r="M107">
            <v>9577</v>
          </cell>
          <cell r="N107">
            <v>11300</v>
          </cell>
          <cell r="O107">
            <v>13963</v>
          </cell>
          <cell r="P107">
            <v>12117</v>
          </cell>
          <cell r="Q107">
            <v>10498</v>
          </cell>
          <cell r="R107">
            <v>9025</v>
          </cell>
          <cell r="S107">
            <v>10558</v>
          </cell>
          <cell r="T107">
            <v>12720</v>
          </cell>
          <cell r="U107">
            <v>8738</v>
          </cell>
          <cell r="V107">
            <v>4809</v>
          </cell>
          <cell r="W107">
            <v>2065</v>
          </cell>
          <cell r="X107">
            <v>606</v>
          </cell>
          <cell r="Y107">
            <v>90</v>
          </cell>
        </row>
        <row r="108">
          <cell r="D108">
            <v>80720</v>
          </cell>
          <cell r="E108">
            <v>2183</v>
          </cell>
          <cell r="F108">
            <v>2706</v>
          </cell>
          <cell r="G108">
            <v>3252</v>
          </cell>
          <cell r="H108">
            <v>3635</v>
          </cell>
          <cell r="I108">
            <v>4003</v>
          </cell>
          <cell r="J108">
            <v>4010</v>
          </cell>
          <cell r="K108">
            <v>4040</v>
          </cell>
          <cell r="L108">
            <v>4426</v>
          </cell>
          <cell r="M108">
            <v>5090</v>
          </cell>
          <cell r="N108">
            <v>5912</v>
          </cell>
          <cell r="O108">
            <v>7368</v>
          </cell>
          <cell r="P108">
            <v>6371</v>
          </cell>
          <cell r="Q108">
            <v>5445</v>
          </cell>
          <cell r="R108">
            <v>4535</v>
          </cell>
          <cell r="S108">
            <v>5016</v>
          </cell>
          <cell r="T108">
            <v>5834</v>
          </cell>
          <cell r="U108">
            <v>4039</v>
          </cell>
          <cell r="V108">
            <v>2046</v>
          </cell>
          <cell r="W108">
            <v>652</v>
          </cell>
          <cell r="X108">
            <v>146</v>
          </cell>
          <cell r="Y108">
            <v>11</v>
          </cell>
        </row>
        <row r="109">
          <cell r="D109">
            <v>79876</v>
          </cell>
          <cell r="E109">
            <v>2003</v>
          </cell>
          <cell r="F109">
            <v>2670</v>
          </cell>
          <cell r="G109">
            <v>3173</v>
          </cell>
          <cell r="H109">
            <v>3618</v>
          </cell>
          <cell r="I109">
            <v>3897</v>
          </cell>
          <cell r="J109">
            <v>3625</v>
          </cell>
          <cell r="K109">
            <v>3564</v>
          </cell>
          <cell r="L109">
            <v>3725</v>
          </cell>
          <cell r="M109">
            <v>4487</v>
          </cell>
          <cell r="N109">
            <v>5388</v>
          </cell>
          <cell r="O109">
            <v>6595</v>
          </cell>
          <cell r="P109">
            <v>5746</v>
          </cell>
          <cell r="Q109">
            <v>5053</v>
          </cell>
          <cell r="R109">
            <v>4490</v>
          </cell>
          <cell r="S109">
            <v>5542</v>
          </cell>
          <cell r="T109">
            <v>6886</v>
          </cell>
          <cell r="U109">
            <v>4699</v>
          </cell>
          <cell r="V109">
            <v>2763</v>
          </cell>
          <cell r="W109">
            <v>1413</v>
          </cell>
          <cell r="X109">
            <v>460</v>
          </cell>
          <cell r="Y109">
            <v>79</v>
          </cell>
        </row>
        <row r="110">
          <cell r="D110">
            <v>261825</v>
          </cell>
          <cell r="E110">
            <v>7405</v>
          </cell>
          <cell r="F110">
            <v>9618</v>
          </cell>
          <cell r="G110">
            <v>11156</v>
          </cell>
          <cell r="H110">
            <v>12001</v>
          </cell>
          <cell r="I110">
            <v>13227</v>
          </cell>
          <cell r="J110">
            <v>13387</v>
          </cell>
          <cell r="K110">
            <v>13824</v>
          </cell>
          <cell r="L110">
            <v>14353</v>
          </cell>
          <cell r="M110">
            <v>16199</v>
          </cell>
          <cell r="N110">
            <v>18673</v>
          </cell>
          <cell r="O110">
            <v>23319</v>
          </cell>
          <cell r="P110">
            <v>21285</v>
          </cell>
          <cell r="Q110">
            <v>17560</v>
          </cell>
          <cell r="R110">
            <v>13766</v>
          </cell>
          <cell r="S110">
            <v>14382</v>
          </cell>
          <cell r="T110">
            <v>16704</v>
          </cell>
          <cell r="U110">
            <v>12976</v>
          </cell>
          <cell r="V110">
            <v>7892</v>
          </cell>
          <cell r="W110">
            <v>3179</v>
          </cell>
          <cell r="X110">
            <v>802</v>
          </cell>
          <cell r="Y110">
            <v>117</v>
          </cell>
        </row>
        <row r="111">
          <cell r="D111">
            <v>131887</v>
          </cell>
          <cell r="E111">
            <v>3861</v>
          </cell>
          <cell r="F111">
            <v>4902</v>
          </cell>
          <cell r="G111">
            <v>5792</v>
          </cell>
          <cell r="H111">
            <v>6170</v>
          </cell>
          <cell r="I111">
            <v>6687</v>
          </cell>
          <cell r="J111">
            <v>6829</v>
          </cell>
          <cell r="K111">
            <v>7267</v>
          </cell>
          <cell r="L111">
            <v>7590</v>
          </cell>
          <cell r="M111">
            <v>8551</v>
          </cell>
          <cell r="N111">
            <v>9922</v>
          </cell>
          <cell r="O111">
            <v>12332</v>
          </cell>
          <cell r="P111">
            <v>11282</v>
          </cell>
          <cell r="Q111">
            <v>9262</v>
          </cell>
          <cell r="R111">
            <v>7022</v>
          </cell>
          <cell r="S111">
            <v>7059</v>
          </cell>
          <cell r="T111">
            <v>7380</v>
          </cell>
          <cell r="U111">
            <v>5513</v>
          </cell>
          <cell r="V111">
            <v>3292</v>
          </cell>
          <cell r="W111">
            <v>983</v>
          </cell>
          <cell r="X111">
            <v>172</v>
          </cell>
          <cell r="Y111">
            <v>19</v>
          </cell>
        </row>
        <row r="112">
          <cell r="D112">
            <v>129938</v>
          </cell>
          <cell r="E112">
            <v>3544</v>
          </cell>
          <cell r="F112">
            <v>4716</v>
          </cell>
          <cell r="G112">
            <v>5364</v>
          </cell>
          <cell r="H112">
            <v>5831</v>
          </cell>
          <cell r="I112">
            <v>6540</v>
          </cell>
          <cell r="J112">
            <v>6558</v>
          </cell>
          <cell r="K112">
            <v>6557</v>
          </cell>
          <cell r="L112">
            <v>6763</v>
          </cell>
          <cell r="M112">
            <v>7648</v>
          </cell>
          <cell r="N112">
            <v>8751</v>
          </cell>
          <cell r="O112">
            <v>10987</v>
          </cell>
          <cell r="P112">
            <v>10003</v>
          </cell>
          <cell r="Q112">
            <v>8298</v>
          </cell>
          <cell r="R112">
            <v>6744</v>
          </cell>
          <cell r="S112">
            <v>7323</v>
          </cell>
          <cell r="T112">
            <v>9324</v>
          </cell>
          <cell r="U112">
            <v>7463</v>
          </cell>
          <cell r="V112">
            <v>4600</v>
          </cell>
          <cell r="W112">
            <v>2196</v>
          </cell>
          <cell r="X112">
            <v>630</v>
          </cell>
          <cell r="Y112">
            <v>98</v>
          </cell>
        </row>
        <row r="113">
          <cell r="D113">
            <v>269877</v>
          </cell>
          <cell r="E113">
            <v>8111</v>
          </cell>
          <cell r="F113">
            <v>9720</v>
          </cell>
          <cell r="G113">
            <v>10573</v>
          </cell>
          <cell r="H113">
            <v>11657</v>
          </cell>
          <cell r="I113">
            <v>13307</v>
          </cell>
          <cell r="J113">
            <v>15012</v>
          </cell>
          <cell r="K113">
            <v>15288</v>
          </cell>
          <cell r="L113">
            <v>15295</v>
          </cell>
          <cell r="M113">
            <v>16958</v>
          </cell>
          <cell r="N113">
            <v>19186</v>
          </cell>
          <cell r="O113">
            <v>22924</v>
          </cell>
          <cell r="P113">
            <v>21671</v>
          </cell>
          <cell r="Q113">
            <v>17843</v>
          </cell>
          <cell r="R113">
            <v>13989</v>
          </cell>
          <cell r="S113">
            <v>14258</v>
          </cell>
          <cell r="T113">
            <v>16664</v>
          </cell>
          <cell r="U113">
            <v>13171</v>
          </cell>
          <cell r="V113">
            <v>9036</v>
          </cell>
          <cell r="W113">
            <v>4039</v>
          </cell>
          <cell r="X113">
            <v>1031</v>
          </cell>
          <cell r="Y113">
            <v>144</v>
          </cell>
        </row>
        <row r="114">
          <cell r="D114">
            <v>133680</v>
          </cell>
          <cell r="E114">
            <v>4183</v>
          </cell>
          <cell r="F114">
            <v>4877</v>
          </cell>
          <cell r="G114">
            <v>5482</v>
          </cell>
          <cell r="H114">
            <v>5915</v>
          </cell>
          <cell r="I114">
            <v>6588</v>
          </cell>
          <cell r="J114">
            <v>7547</v>
          </cell>
          <cell r="K114">
            <v>7826</v>
          </cell>
          <cell r="L114">
            <v>7999</v>
          </cell>
          <cell r="M114">
            <v>8900</v>
          </cell>
          <cell r="N114">
            <v>10128</v>
          </cell>
          <cell r="O114">
            <v>11821</v>
          </cell>
          <cell r="P114">
            <v>11295</v>
          </cell>
          <cell r="Q114">
            <v>9242</v>
          </cell>
          <cell r="R114">
            <v>7060</v>
          </cell>
          <cell r="S114">
            <v>6791</v>
          </cell>
          <cell r="T114">
            <v>7412</v>
          </cell>
          <cell r="U114">
            <v>5349</v>
          </cell>
          <cell r="V114">
            <v>3600</v>
          </cell>
          <cell r="W114">
            <v>1381</v>
          </cell>
          <cell r="X114">
            <v>259</v>
          </cell>
          <cell r="Y114">
            <v>25</v>
          </cell>
        </row>
        <row r="115">
          <cell r="D115">
            <v>136197</v>
          </cell>
          <cell r="E115">
            <v>3928</v>
          </cell>
          <cell r="F115">
            <v>4843</v>
          </cell>
          <cell r="G115">
            <v>5091</v>
          </cell>
          <cell r="H115">
            <v>5742</v>
          </cell>
          <cell r="I115">
            <v>6719</v>
          </cell>
          <cell r="J115">
            <v>7465</v>
          </cell>
          <cell r="K115">
            <v>7462</v>
          </cell>
          <cell r="L115">
            <v>7296</v>
          </cell>
          <cell r="M115">
            <v>8058</v>
          </cell>
          <cell r="N115">
            <v>9058</v>
          </cell>
          <cell r="O115">
            <v>11103</v>
          </cell>
          <cell r="P115">
            <v>10376</v>
          </cell>
          <cell r="Q115">
            <v>8601</v>
          </cell>
          <cell r="R115">
            <v>6929</v>
          </cell>
          <cell r="S115">
            <v>7467</v>
          </cell>
          <cell r="T115">
            <v>9252</v>
          </cell>
          <cell r="U115">
            <v>7822</v>
          </cell>
          <cell r="V115">
            <v>5436</v>
          </cell>
          <cell r="W115">
            <v>2658</v>
          </cell>
          <cell r="X115">
            <v>772</v>
          </cell>
          <cell r="Y115">
            <v>119</v>
          </cell>
        </row>
        <row r="117">
          <cell r="D117">
            <v>366743</v>
          </cell>
          <cell r="E117">
            <v>8469</v>
          </cell>
          <cell r="F117">
            <v>11789</v>
          </cell>
          <cell r="G117">
            <v>14083</v>
          </cell>
          <cell r="H117">
            <v>17491</v>
          </cell>
          <cell r="I117">
            <v>18614</v>
          </cell>
          <cell r="J117">
            <v>15535</v>
          </cell>
          <cell r="K117">
            <v>14784</v>
          </cell>
          <cell r="L117">
            <v>16499</v>
          </cell>
          <cell r="M117">
            <v>19475</v>
          </cell>
          <cell r="N117">
            <v>23599</v>
          </cell>
          <cell r="O117">
            <v>30717</v>
          </cell>
          <cell r="P117">
            <v>28120</v>
          </cell>
          <cell r="Q117">
            <v>24672</v>
          </cell>
          <cell r="R117">
            <v>22041</v>
          </cell>
          <cell r="S117">
            <v>24064</v>
          </cell>
          <cell r="T117">
            <v>29941</v>
          </cell>
          <cell r="U117">
            <v>22818</v>
          </cell>
          <cell r="V117">
            <v>14569</v>
          </cell>
          <cell r="W117">
            <v>7281</v>
          </cell>
          <cell r="X117">
            <v>1908</v>
          </cell>
          <cell r="Y117">
            <v>274</v>
          </cell>
        </row>
        <row r="118">
          <cell r="D118">
            <v>182222</v>
          </cell>
          <cell r="E118">
            <v>4243</v>
          </cell>
          <cell r="F118">
            <v>6145</v>
          </cell>
          <cell r="G118">
            <v>7134</v>
          </cell>
          <cell r="H118">
            <v>9666</v>
          </cell>
          <cell r="I118">
            <v>10416</v>
          </cell>
          <cell r="J118">
            <v>8392</v>
          </cell>
          <cell r="K118">
            <v>7943</v>
          </cell>
          <cell r="L118">
            <v>8663</v>
          </cell>
          <cell r="M118">
            <v>10117</v>
          </cell>
          <cell r="N118">
            <v>12221</v>
          </cell>
          <cell r="O118">
            <v>15859</v>
          </cell>
          <cell r="P118">
            <v>14545</v>
          </cell>
          <cell r="Q118">
            <v>12609</v>
          </cell>
          <cell r="R118">
            <v>11059</v>
          </cell>
          <cell r="S118">
            <v>11543</v>
          </cell>
          <cell r="T118">
            <v>13529</v>
          </cell>
          <cell r="U118">
            <v>9704</v>
          </cell>
          <cell r="V118">
            <v>5688</v>
          </cell>
          <cell r="W118">
            <v>2303</v>
          </cell>
          <cell r="X118">
            <v>414</v>
          </cell>
          <cell r="Y118">
            <v>29</v>
          </cell>
        </row>
        <row r="119">
          <cell r="D119">
            <v>184521</v>
          </cell>
          <cell r="E119">
            <v>4226</v>
          </cell>
          <cell r="F119">
            <v>5644</v>
          </cell>
          <cell r="G119">
            <v>6949</v>
          </cell>
          <cell r="H119">
            <v>7825</v>
          </cell>
          <cell r="I119">
            <v>8198</v>
          </cell>
          <cell r="J119">
            <v>7143</v>
          </cell>
          <cell r="K119">
            <v>6841</v>
          </cell>
          <cell r="L119">
            <v>7836</v>
          </cell>
          <cell r="M119">
            <v>9358</v>
          </cell>
          <cell r="N119">
            <v>11378</v>
          </cell>
          <cell r="O119">
            <v>14858</v>
          </cell>
          <cell r="P119">
            <v>13575</v>
          </cell>
          <cell r="Q119">
            <v>12063</v>
          </cell>
          <cell r="R119">
            <v>10982</v>
          </cell>
          <cell r="S119">
            <v>12521</v>
          </cell>
          <cell r="T119">
            <v>16412</v>
          </cell>
          <cell r="U119">
            <v>13114</v>
          </cell>
          <cell r="V119">
            <v>8881</v>
          </cell>
          <cell r="W119">
            <v>4978</v>
          </cell>
          <cell r="X119">
            <v>1494</v>
          </cell>
          <cell r="Y119">
            <v>245</v>
          </cell>
        </row>
        <row r="120">
          <cell r="D120">
            <v>249172</v>
          </cell>
          <cell r="E120">
            <v>6991</v>
          </cell>
          <cell r="F120">
            <v>8932</v>
          </cell>
          <cell r="G120">
            <v>9970</v>
          </cell>
          <cell r="H120">
            <v>11214</v>
          </cell>
          <cell r="I120">
            <v>12119</v>
          </cell>
          <cell r="J120">
            <v>12351</v>
          </cell>
          <cell r="K120">
            <v>11778</v>
          </cell>
          <cell r="L120">
            <v>12509</v>
          </cell>
          <cell r="M120">
            <v>14735</v>
          </cell>
          <cell r="N120">
            <v>17296</v>
          </cell>
          <cell r="O120">
            <v>21047</v>
          </cell>
          <cell r="P120">
            <v>19407</v>
          </cell>
          <cell r="Q120">
            <v>16529</v>
          </cell>
          <cell r="R120">
            <v>14340</v>
          </cell>
          <cell r="S120">
            <v>15540</v>
          </cell>
          <cell r="T120">
            <v>18199</v>
          </cell>
          <cell r="U120">
            <v>13043</v>
          </cell>
          <cell r="V120">
            <v>8061</v>
          </cell>
          <cell r="W120">
            <v>3849</v>
          </cell>
          <cell r="X120">
            <v>1082</v>
          </cell>
          <cell r="Y120">
            <v>180</v>
          </cell>
        </row>
        <row r="121">
          <cell r="D121">
            <v>124416</v>
          </cell>
          <cell r="E121">
            <v>3552</v>
          </cell>
          <cell r="F121">
            <v>4545</v>
          </cell>
          <cell r="G121">
            <v>5122</v>
          </cell>
          <cell r="H121">
            <v>5726</v>
          </cell>
          <cell r="I121">
            <v>6296</v>
          </cell>
          <cell r="J121">
            <v>6534</v>
          </cell>
          <cell r="K121">
            <v>6244</v>
          </cell>
          <cell r="L121">
            <v>6641</v>
          </cell>
          <cell r="M121">
            <v>7624</v>
          </cell>
          <cell r="N121">
            <v>9038</v>
          </cell>
          <cell r="O121">
            <v>10860</v>
          </cell>
          <cell r="P121">
            <v>10215</v>
          </cell>
          <cell r="Q121">
            <v>8593</v>
          </cell>
          <cell r="R121">
            <v>7274</v>
          </cell>
          <cell r="S121">
            <v>7485</v>
          </cell>
          <cell r="T121">
            <v>8423</v>
          </cell>
          <cell r="U121">
            <v>5652</v>
          </cell>
          <cell r="V121">
            <v>3189</v>
          </cell>
          <cell r="W121">
            <v>1144</v>
          </cell>
          <cell r="X121">
            <v>236</v>
          </cell>
          <cell r="Y121">
            <v>23</v>
          </cell>
        </row>
        <row r="122">
          <cell r="D122">
            <v>124756</v>
          </cell>
          <cell r="E122">
            <v>3439</v>
          </cell>
          <cell r="F122">
            <v>4387</v>
          </cell>
          <cell r="G122">
            <v>4848</v>
          </cell>
          <cell r="H122">
            <v>5488</v>
          </cell>
          <cell r="I122">
            <v>5823</v>
          </cell>
          <cell r="J122">
            <v>5817</v>
          </cell>
          <cell r="K122">
            <v>5534</v>
          </cell>
          <cell r="L122">
            <v>5868</v>
          </cell>
          <cell r="M122">
            <v>7111</v>
          </cell>
          <cell r="N122">
            <v>8258</v>
          </cell>
          <cell r="O122">
            <v>10187</v>
          </cell>
          <cell r="P122">
            <v>9192</v>
          </cell>
          <cell r="Q122">
            <v>7936</v>
          </cell>
          <cell r="R122">
            <v>7066</v>
          </cell>
          <cell r="S122">
            <v>8055</v>
          </cell>
          <cell r="T122">
            <v>9776</v>
          </cell>
          <cell r="U122">
            <v>7391</v>
          </cell>
          <cell r="V122">
            <v>4872</v>
          </cell>
          <cell r="W122">
            <v>2705</v>
          </cell>
          <cell r="X122">
            <v>846</v>
          </cell>
          <cell r="Y122">
            <v>157</v>
          </cell>
        </row>
        <row r="123">
          <cell r="D123">
            <v>171439</v>
          </cell>
          <cell r="E123">
            <v>4375</v>
          </cell>
          <cell r="F123">
            <v>6053</v>
          </cell>
          <cell r="G123">
            <v>7187</v>
          </cell>
          <cell r="H123">
            <v>7766</v>
          </cell>
          <cell r="I123">
            <v>7475</v>
          </cell>
          <cell r="J123">
            <v>6704</v>
          </cell>
          <cell r="K123">
            <v>6478</v>
          </cell>
          <cell r="L123">
            <v>7600</v>
          </cell>
          <cell r="M123">
            <v>9723</v>
          </cell>
          <cell r="N123">
            <v>12389</v>
          </cell>
          <cell r="O123">
            <v>15457</v>
          </cell>
          <cell r="P123">
            <v>14876</v>
          </cell>
          <cell r="Q123">
            <v>12422</v>
          </cell>
          <cell r="R123">
            <v>9696</v>
          </cell>
          <cell r="S123">
            <v>9336</v>
          </cell>
          <cell r="T123">
            <v>12042</v>
          </cell>
          <cell r="U123">
            <v>9584</v>
          </cell>
          <cell r="V123">
            <v>6917</v>
          </cell>
          <cell r="W123">
            <v>3925</v>
          </cell>
          <cell r="X123">
            <v>1254</v>
          </cell>
          <cell r="Y123">
            <v>180</v>
          </cell>
        </row>
        <row r="124">
          <cell r="D124">
            <v>81000</v>
          </cell>
          <cell r="E124">
            <v>2304</v>
          </cell>
          <cell r="F124">
            <v>3039</v>
          </cell>
          <cell r="G124">
            <v>3682</v>
          </cell>
          <cell r="H124">
            <v>3990</v>
          </cell>
          <cell r="I124">
            <v>3719</v>
          </cell>
          <cell r="J124">
            <v>3306</v>
          </cell>
          <cell r="K124">
            <v>3184</v>
          </cell>
          <cell r="L124">
            <v>3717</v>
          </cell>
          <cell r="M124">
            <v>4625</v>
          </cell>
          <cell r="N124">
            <v>5905</v>
          </cell>
          <cell r="O124">
            <v>7467</v>
          </cell>
          <cell r="P124">
            <v>7366</v>
          </cell>
          <cell r="Q124">
            <v>6302</v>
          </cell>
          <cell r="R124">
            <v>4817</v>
          </cell>
          <cell r="S124">
            <v>4287</v>
          </cell>
          <cell r="T124">
            <v>5285</v>
          </cell>
          <cell r="U124">
            <v>3803</v>
          </cell>
          <cell r="V124">
            <v>2619</v>
          </cell>
          <cell r="W124">
            <v>1271</v>
          </cell>
          <cell r="X124">
            <v>291</v>
          </cell>
          <cell r="Y124">
            <v>21</v>
          </cell>
        </row>
        <row r="125">
          <cell r="D125">
            <v>90439</v>
          </cell>
          <cell r="E125">
            <v>2071</v>
          </cell>
          <cell r="F125">
            <v>3014</v>
          </cell>
          <cell r="G125">
            <v>3505</v>
          </cell>
          <cell r="H125">
            <v>3776</v>
          </cell>
          <cell r="I125">
            <v>3756</v>
          </cell>
          <cell r="J125">
            <v>3398</v>
          </cell>
          <cell r="K125">
            <v>3294</v>
          </cell>
          <cell r="L125">
            <v>3883</v>
          </cell>
          <cell r="M125">
            <v>5098</v>
          </cell>
          <cell r="N125">
            <v>6484</v>
          </cell>
          <cell r="O125">
            <v>7990</v>
          </cell>
          <cell r="P125">
            <v>7510</v>
          </cell>
          <cell r="Q125">
            <v>6120</v>
          </cell>
          <cell r="R125">
            <v>4879</v>
          </cell>
          <cell r="S125">
            <v>5049</v>
          </cell>
          <cell r="T125">
            <v>6757</v>
          </cell>
          <cell r="U125">
            <v>5781</v>
          </cell>
          <cell r="V125">
            <v>4298</v>
          </cell>
          <cell r="W125">
            <v>2654</v>
          </cell>
          <cell r="X125">
            <v>963</v>
          </cell>
          <cell r="Y125">
            <v>159</v>
          </cell>
        </row>
        <row r="126">
          <cell r="D126">
            <v>435366</v>
          </cell>
          <cell r="E126">
            <v>14502</v>
          </cell>
          <cell r="F126">
            <v>18491</v>
          </cell>
          <cell r="G126">
            <v>20012</v>
          </cell>
          <cell r="H126">
            <v>20630</v>
          </cell>
          <cell r="I126">
            <v>21270</v>
          </cell>
          <cell r="J126">
            <v>21505</v>
          </cell>
          <cell r="K126">
            <v>22382</v>
          </cell>
          <cell r="L126">
            <v>24046</v>
          </cell>
          <cell r="M126">
            <v>28800</v>
          </cell>
          <cell r="N126">
            <v>32700</v>
          </cell>
          <cell r="O126">
            <v>38168</v>
          </cell>
          <cell r="P126">
            <v>34369</v>
          </cell>
          <cell r="Q126">
            <v>28293</v>
          </cell>
          <cell r="R126">
            <v>21525</v>
          </cell>
          <cell r="S126">
            <v>21470</v>
          </cell>
          <cell r="T126">
            <v>26189</v>
          </cell>
          <cell r="U126">
            <v>19542</v>
          </cell>
          <cell r="V126">
            <v>12928</v>
          </cell>
          <cell r="W126">
            <v>6428</v>
          </cell>
          <cell r="X126">
            <v>1841</v>
          </cell>
          <cell r="Y126">
            <v>275</v>
          </cell>
        </row>
        <row r="127">
          <cell r="D127">
            <v>214605</v>
          </cell>
          <cell r="E127">
            <v>7376</v>
          </cell>
          <cell r="F127">
            <v>9510</v>
          </cell>
          <cell r="G127">
            <v>10263</v>
          </cell>
          <cell r="H127">
            <v>10608</v>
          </cell>
          <cell r="I127">
            <v>10954</v>
          </cell>
          <cell r="J127">
            <v>11327</v>
          </cell>
          <cell r="K127">
            <v>11605</v>
          </cell>
          <cell r="L127">
            <v>12254</v>
          </cell>
          <cell r="M127">
            <v>14504</v>
          </cell>
          <cell r="N127">
            <v>16550</v>
          </cell>
          <cell r="O127">
            <v>19137</v>
          </cell>
          <cell r="P127">
            <v>17738</v>
          </cell>
          <cell r="Q127">
            <v>14637</v>
          </cell>
          <cell r="R127">
            <v>10781</v>
          </cell>
          <cell r="S127">
            <v>10046</v>
          </cell>
          <cell r="T127">
            <v>11668</v>
          </cell>
          <cell r="U127">
            <v>8192</v>
          </cell>
          <cell r="V127">
            <v>4991</v>
          </cell>
          <cell r="W127">
            <v>2038</v>
          </cell>
          <cell r="X127">
            <v>387</v>
          </cell>
          <cell r="Y127">
            <v>39</v>
          </cell>
        </row>
        <row r="128">
          <cell r="D128">
            <v>220761</v>
          </cell>
          <cell r="E128">
            <v>7126</v>
          </cell>
          <cell r="F128">
            <v>8981</v>
          </cell>
          <cell r="G128">
            <v>9749</v>
          </cell>
          <cell r="H128">
            <v>10022</v>
          </cell>
          <cell r="I128">
            <v>10316</v>
          </cell>
          <cell r="J128">
            <v>10178</v>
          </cell>
          <cell r="K128">
            <v>10777</v>
          </cell>
          <cell r="L128">
            <v>11792</v>
          </cell>
          <cell r="M128">
            <v>14296</v>
          </cell>
          <cell r="N128">
            <v>16150</v>
          </cell>
          <cell r="O128">
            <v>19031</v>
          </cell>
          <cell r="P128">
            <v>16631</v>
          </cell>
          <cell r="Q128">
            <v>13656</v>
          </cell>
          <cell r="R128">
            <v>10744</v>
          </cell>
          <cell r="S128">
            <v>11424</v>
          </cell>
          <cell r="T128">
            <v>14521</v>
          </cell>
          <cell r="U128">
            <v>11350</v>
          </cell>
          <cell r="V128">
            <v>7937</v>
          </cell>
          <cell r="W128">
            <v>4390</v>
          </cell>
          <cell r="X128">
            <v>1454</v>
          </cell>
          <cell r="Y128">
            <v>236</v>
          </cell>
        </row>
        <row r="129">
          <cell r="D129">
            <v>181389</v>
          </cell>
          <cell r="E129">
            <v>4747</v>
          </cell>
          <cell r="F129">
            <v>6187</v>
          </cell>
          <cell r="G129">
            <v>7194</v>
          </cell>
          <cell r="H129">
            <v>7833</v>
          </cell>
          <cell r="I129">
            <v>8275</v>
          </cell>
          <cell r="J129">
            <v>8109</v>
          </cell>
          <cell r="K129">
            <v>8225</v>
          </cell>
          <cell r="L129">
            <v>8945</v>
          </cell>
          <cell r="M129">
            <v>10516</v>
          </cell>
          <cell r="N129">
            <v>11956</v>
          </cell>
          <cell r="O129">
            <v>14865</v>
          </cell>
          <cell r="P129">
            <v>14184</v>
          </cell>
          <cell r="Q129">
            <v>12758</v>
          </cell>
          <cell r="R129">
            <v>11349</v>
          </cell>
          <cell r="S129">
            <v>11981</v>
          </cell>
          <cell r="T129">
            <v>13774</v>
          </cell>
          <cell r="U129">
            <v>9684</v>
          </cell>
          <cell r="V129">
            <v>6416</v>
          </cell>
          <cell r="W129">
            <v>3273</v>
          </cell>
          <cell r="X129">
            <v>959</v>
          </cell>
          <cell r="Y129">
            <v>159</v>
          </cell>
        </row>
        <row r="130">
          <cell r="D130">
            <v>88474</v>
          </cell>
          <cell r="E130">
            <v>2450</v>
          </cell>
          <cell r="F130">
            <v>3167</v>
          </cell>
          <cell r="G130">
            <v>3739</v>
          </cell>
          <cell r="H130">
            <v>4010</v>
          </cell>
          <cell r="I130">
            <v>4121</v>
          </cell>
          <cell r="J130">
            <v>4031</v>
          </cell>
          <cell r="K130">
            <v>4187</v>
          </cell>
          <cell r="L130">
            <v>4627</v>
          </cell>
          <cell r="M130">
            <v>5356</v>
          </cell>
          <cell r="N130">
            <v>6120</v>
          </cell>
          <cell r="O130">
            <v>7605</v>
          </cell>
          <cell r="P130">
            <v>7308</v>
          </cell>
          <cell r="Q130">
            <v>6478</v>
          </cell>
          <cell r="R130">
            <v>5646</v>
          </cell>
          <cell r="S130">
            <v>5707</v>
          </cell>
          <cell r="T130">
            <v>6349</v>
          </cell>
          <cell r="U130">
            <v>3980</v>
          </cell>
          <cell r="V130">
            <v>2329</v>
          </cell>
          <cell r="W130">
            <v>1046</v>
          </cell>
          <cell r="X130">
            <v>196</v>
          </cell>
          <cell r="Y130">
            <v>22</v>
          </cell>
        </row>
        <row r="131">
          <cell r="D131">
            <v>92915</v>
          </cell>
          <cell r="E131">
            <v>2297</v>
          </cell>
          <cell r="F131">
            <v>3020</v>
          </cell>
          <cell r="G131">
            <v>3455</v>
          </cell>
          <cell r="H131">
            <v>3823</v>
          </cell>
          <cell r="I131">
            <v>4154</v>
          </cell>
          <cell r="J131">
            <v>4078</v>
          </cell>
          <cell r="K131">
            <v>4038</v>
          </cell>
          <cell r="L131">
            <v>4318</v>
          </cell>
          <cell r="M131">
            <v>5160</v>
          </cell>
          <cell r="N131">
            <v>5836</v>
          </cell>
          <cell r="O131">
            <v>7260</v>
          </cell>
          <cell r="P131">
            <v>6876</v>
          </cell>
          <cell r="Q131">
            <v>6280</v>
          </cell>
          <cell r="R131">
            <v>5703</v>
          </cell>
          <cell r="S131">
            <v>6274</v>
          </cell>
          <cell r="T131">
            <v>7425</v>
          </cell>
          <cell r="U131">
            <v>5704</v>
          </cell>
          <cell r="V131">
            <v>4087</v>
          </cell>
          <cell r="W131">
            <v>2227</v>
          </cell>
          <cell r="X131">
            <v>763</v>
          </cell>
          <cell r="Y131">
            <v>137</v>
          </cell>
        </row>
        <row r="132">
          <cell r="D132">
            <v>244371</v>
          </cell>
          <cell r="E132">
            <v>8022</v>
          </cell>
          <cell r="F132">
            <v>10052</v>
          </cell>
          <cell r="G132">
            <v>11196</v>
          </cell>
          <cell r="H132">
            <v>11507</v>
          </cell>
          <cell r="I132">
            <v>11099</v>
          </cell>
          <cell r="J132">
            <v>10590</v>
          </cell>
          <cell r="K132">
            <v>11500</v>
          </cell>
          <cell r="L132">
            <v>12835</v>
          </cell>
          <cell r="M132">
            <v>15538</v>
          </cell>
          <cell r="N132">
            <v>18152</v>
          </cell>
          <cell r="O132">
            <v>21398</v>
          </cell>
          <cell r="P132">
            <v>19462</v>
          </cell>
          <cell r="Q132">
            <v>16408</v>
          </cell>
          <cell r="R132">
            <v>12974</v>
          </cell>
          <cell r="S132">
            <v>13231</v>
          </cell>
          <cell r="T132">
            <v>15700</v>
          </cell>
          <cell r="U132">
            <v>11684</v>
          </cell>
          <cell r="V132">
            <v>7989</v>
          </cell>
          <cell r="W132">
            <v>3841</v>
          </cell>
          <cell r="X132">
            <v>1039</v>
          </cell>
          <cell r="Y132">
            <v>154</v>
          </cell>
        </row>
        <row r="133">
          <cell r="D133">
            <v>118853</v>
          </cell>
          <cell r="E133">
            <v>4161</v>
          </cell>
          <cell r="F133">
            <v>5176</v>
          </cell>
          <cell r="G133">
            <v>5763</v>
          </cell>
          <cell r="H133">
            <v>5805</v>
          </cell>
          <cell r="I133">
            <v>5496</v>
          </cell>
          <cell r="J133">
            <v>5280</v>
          </cell>
          <cell r="K133">
            <v>5703</v>
          </cell>
          <cell r="L133">
            <v>6454</v>
          </cell>
          <cell r="M133">
            <v>7666</v>
          </cell>
          <cell r="N133">
            <v>9043</v>
          </cell>
          <cell r="O133">
            <v>10668</v>
          </cell>
          <cell r="P133">
            <v>9965</v>
          </cell>
          <cell r="Q133">
            <v>8424</v>
          </cell>
          <cell r="R133">
            <v>6434</v>
          </cell>
          <cell r="S133">
            <v>6236</v>
          </cell>
          <cell r="T133">
            <v>6978</v>
          </cell>
          <cell r="U133">
            <v>4913</v>
          </cell>
          <cell r="V133">
            <v>3183</v>
          </cell>
          <cell r="W133">
            <v>1248</v>
          </cell>
          <cell r="X133">
            <v>237</v>
          </cell>
          <cell r="Y133">
            <v>20</v>
          </cell>
        </row>
        <row r="134">
          <cell r="D134">
            <v>125518</v>
          </cell>
          <cell r="E134">
            <v>3861</v>
          </cell>
          <cell r="F134">
            <v>4876</v>
          </cell>
          <cell r="G134">
            <v>5433</v>
          </cell>
          <cell r="H134">
            <v>5702</v>
          </cell>
          <cell r="I134">
            <v>5603</v>
          </cell>
          <cell r="J134">
            <v>5310</v>
          </cell>
          <cell r="K134">
            <v>5797</v>
          </cell>
          <cell r="L134">
            <v>6381</v>
          </cell>
          <cell r="M134">
            <v>7872</v>
          </cell>
          <cell r="N134">
            <v>9109</v>
          </cell>
          <cell r="O134">
            <v>10730</v>
          </cell>
          <cell r="P134">
            <v>9497</v>
          </cell>
          <cell r="Q134">
            <v>7984</v>
          </cell>
          <cell r="R134">
            <v>6540</v>
          </cell>
          <cell r="S134">
            <v>6995</v>
          </cell>
          <cell r="T134">
            <v>8722</v>
          </cell>
          <cell r="U134">
            <v>6771</v>
          </cell>
          <cell r="V134">
            <v>4806</v>
          </cell>
          <cell r="W134">
            <v>2593</v>
          </cell>
          <cell r="X134">
            <v>802</v>
          </cell>
          <cell r="Y134">
            <v>134</v>
          </cell>
        </row>
        <row r="135">
          <cell r="D135">
            <v>56639</v>
          </cell>
          <cell r="E135">
            <v>1496</v>
          </cell>
          <cell r="F135">
            <v>2018</v>
          </cell>
          <cell r="G135">
            <v>2503</v>
          </cell>
          <cell r="H135">
            <v>2508</v>
          </cell>
          <cell r="I135">
            <v>2254</v>
          </cell>
          <cell r="J135">
            <v>1872</v>
          </cell>
          <cell r="K135">
            <v>1912</v>
          </cell>
          <cell r="L135">
            <v>2450</v>
          </cell>
          <cell r="M135">
            <v>3124</v>
          </cell>
          <cell r="N135">
            <v>4142</v>
          </cell>
          <cell r="O135">
            <v>5058</v>
          </cell>
          <cell r="P135">
            <v>4970</v>
          </cell>
          <cell r="Q135">
            <v>4268</v>
          </cell>
          <cell r="R135">
            <v>3311</v>
          </cell>
          <cell r="S135">
            <v>3146</v>
          </cell>
          <cell r="T135">
            <v>4112</v>
          </cell>
          <cell r="U135">
            <v>3397</v>
          </cell>
          <cell r="V135">
            <v>2355</v>
          </cell>
          <cell r="W135">
            <v>1292</v>
          </cell>
          <cell r="X135">
            <v>387</v>
          </cell>
          <cell r="Y135">
            <v>64</v>
          </cell>
        </row>
        <row r="136">
          <cell r="D136">
            <v>26522</v>
          </cell>
          <cell r="E136">
            <v>761</v>
          </cell>
          <cell r="F136">
            <v>1031</v>
          </cell>
          <cell r="G136">
            <v>1331</v>
          </cell>
          <cell r="H136">
            <v>1236</v>
          </cell>
          <cell r="I136">
            <v>1147</v>
          </cell>
          <cell r="J136">
            <v>911</v>
          </cell>
          <cell r="K136">
            <v>910</v>
          </cell>
          <cell r="L136">
            <v>1128</v>
          </cell>
          <cell r="M136">
            <v>1457</v>
          </cell>
          <cell r="N136">
            <v>1949</v>
          </cell>
          <cell r="O136">
            <v>2475</v>
          </cell>
          <cell r="P136">
            <v>2420</v>
          </cell>
          <cell r="Q136">
            <v>2175</v>
          </cell>
          <cell r="R136">
            <v>1599</v>
          </cell>
          <cell r="S136">
            <v>1461</v>
          </cell>
          <cell r="T136">
            <v>1802</v>
          </cell>
          <cell r="U136">
            <v>1352</v>
          </cell>
          <cell r="V136">
            <v>871</v>
          </cell>
          <cell r="W136">
            <v>407</v>
          </cell>
          <cell r="X136">
            <v>91</v>
          </cell>
          <cell r="Y136">
            <v>8</v>
          </cell>
        </row>
        <row r="137">
          <cell r="D137">
            <v>30117</v>
          </cell>
          <cell r="E137">
            <v>735</v>
          </cell>
          <cell r="F137">
            <v>987</v>
          </cell>
          <cell r="G137">
            <v>1172</v>
          </cell>
          <cell r="H137">
            <v>1272</v>
          </cell>
          <cell r="I137">
            <v>1107</v>
          </cell>
          <cell r="J137">
            <v>961</v>
          </cell>
          <cell r="K137">
            <v>1002</v>
          </cell>
          <cell r="L137">
            <v>1322</v>
          </cell>
          <cell r="M137">
            <v>1667</v>
          </cell>
          <cell r="N137">
            <v>2193</v>
          </cell>
          <cell r="O137">
            <v>2583</v>
          </cell>
          <cell r="P137">
            <v>2550</v>
          </cell>
          <cell r="Q137">
            <v>2093</v>
          </cell>
          <cell r="R137">
            <v>1712</v>
          </cell>
          <cell r="S137">
            <v>1685</v>
          </cell>
          <cell r="T137">
            <v>2310</v>
          </cell>
          <cell r="U137">
            <v>2045</v>
          </cell>
          <cell r="V137">
            <v>1484</v>
          </cell>
          <cell r="W137">
            <v>885</v>
          </cell>
          <cell r="X137">
            <v>296</v>
          </cell>
          <cell r="Y137">
            <v>56</v>
          </cell>
        </row>
        <row r="138">
          <cell r="D138">
            <v>38652</v>
          </cell>
          <cell r="E138">
            <v>684</v>
          </cell>
          <cell r="F138">
            <v>1001</v>
          </cell>
          <cell r="G138">
            <v>1147</v>
          </cell>
          <cell r="H138">
            <v>1412</v>
          </cell>
          <cell r="I138">
            <v>1426</v>
          </cell>
          <cell r="J138">
            <v>1180</v>
          </cell>
          <cell r="K138">
            <v>1242</v>
          </cell>
          <cell r="L138">
            <v>1489</v>
          </cell>
          <cell r="M138">
            <v>1794</v>
          </cell>
          <cell r="N138">
            <v>2244</v>
          </cell>
          <cell r="O138">
            <v>2983</v>
          </cell>
          <cell r="P138">
            <v>2985</v>
          </cell>
          <cell r="Q138">
            <v>2900</v>
          </cell>
          <cell r="R138">
            <v>2719</v>
          </cell>
          <cell r="S138">
            <v>3469</v>
          </cell>
          <cell r="T138">
            <v>3988</v>
          </cell>
          <cell r="U138">
            <v>2804</v>
          </cell>
          <cell r="V138">
            <v>1870</v>
          </cell>
          <cell r="W138">
            <v>969</v>
          </cell>
          <cell r="X138">
            <v>310</v>
          </cell>
          <cell r="Y138">
            <v>36</v>
          </cell>
        </row>
        <row r="139">
          <cell r="D139">
            <v>18709</v>
          </cell>
          <cell r="E139">
            <v>394</v>
          </cell>
          <cell r="F139">
            <v>522</v>
          </cell>
          <cell r="G139">
            <v>600</v>
          </cell>
          <cell r="H139">
            <v>707</v>
          </cell>
          <cell r="I139">
            <v>747</v>
          </cell>
          <cell r="J139">
            <v>619</v>
          </cell>
          <cell r="K139">
            <v>630</v>
          </cell>
          <cell r="L139">
            <v>763</v>
          </cell>
          <cell r="M139">
            <v>918</v>
          </cell>
          <cell r="N139">
            <v>1156</v>
          </cell>
          <cell r="O139">
            <v>1521</v>
          </cell>
          <cell r="P139">
            <v>1564</v>
          </cell>
          <cell r="Q139">
            <v>1495</v>
          </cell>
          <cell r="R139">
            <v>1376</v>
          </cell>
          <cell r="S139">
            <v>1649</v>
          </cell>
          <cell r="T139">
            <v>1873</v>
          </cell>
          <cell r="U139">
            <v>1162</v>
          </cell>
          <cell r="V139">
            <v>663</v>
          </cell>
          <cell r="W139">
            <v>282</v>
          </cell>
          <cell r="X139">
            <v>64</v>
          </cell>
          <cell r="Y139">
            <v>4</v>
          </cell>
        </row>
        <row r="140">
          <cell r="D140">
            <v>19943</v>
          </cell>
          <cell r="E140">
            <v>290</v>
          </cell>
          <cell r="F140">
            <v>479</v>
          </cell>
          <cell r="G140">
            <v>547</v>
          </cell>
          <cell r="H140">
            <v>705</v>
          </cell>
          <cell r="I140">
            <v>679</v>
          </cell>
          <cell r="J140">
            <v>561</v>
          </cell>
          <cell r="K140">
            <v>612</v>
          </cell>
          <cell r="L140">
            <v>726</v>
          </cell>
          <cell r="M140">
            <v>876</v>
          </cell>
          <cell r="N140">
            <v>1088</v>
          </cell>
          <cell r="O140">
            <v>1462</v>
          </cell>
          <cell r="P140">
            <v>1421</v>
          </cell>
          <cell r="Q140">
            <v>1405</v>
          </cell>
          <cell r="R140">
            <v>1343</v>
          </cell>
          <cell r="S140">
            <v>1820</v>
          </cell>
          <cell r="T140">
            <v>2115</v>
          </cell>
          <cell r="U140">
            <v>1642</v>
          </cell>
          <cell r="V140">
            <v>1207</v>
          </cell>
          <cell r="W140">
            <v>687</v>
          </cell>
          <cell r="X140">
            <v>246</v>
          </cell>
          <cell r="Y140">
            <v>32</v>
          </cell>
        </row>
        <row r="141">
          <cell r="D141">
            <v>152695</v>
          </cell>
          <cell r="E141">
            <v>3611</v>
          </cell>
          <cell r="F141">
            <v>4934</v>
          </cell>
          <cell r="G141">
            <v>6285</v>
          </cell>
          <cell r="H141">
            <v>7048</v>
          </cell>
          <cell r="I141">
            <v>7301</v>
          </cell>
          <cell r="J141">
            <v>6542</v>
          </cell>
          <cell r="K141">
            <v>6653</v>
          </cell>
          <cell r="L141">
            <v>7072</v>
          </cell>
          <cell r="M141">
            <v>8916</v>
          </cell>
          <cell r="N141">
            <v>10563</v>
          </cell>
          <cell r="O141">
            <v>12585</v>
          </cell>
          <cell r="P141">
            <v>11264</v>
          </cell>
          <cell r="Q141">
            <v>10161</v>
          </cell>
          <cell r="R141">
            <v>9146</v>
          </cell>
          <cell r="S141">
            <v>10801</v>
          </cell>
          <cell r="T141">
            <v>13092</v>
          </cell>
          <cell r="U141">
            <v>8813</v>
          </cell>
          <cell r="V141">
            <v>4937</v>
          </cell>
          <cell r="W141">
            <v>2245</v>
          </cell>
          <cell r="X141">
            <v>625</v>
          </cell>
          <cell r="Y141">
            <v>101</v>
          </cell>
        </row>
        <row r="142">
          <cell r="D142">
            <v>76376</v>
          </cell>
          <cell r="E142">
            <v>1839</v>
          </cell>
          <cell r="F142">
            <v>2557</v>
          </cell>
          <cell r="G142">
            <v>3252</v>
          </cell>
          <cell r="H142">
            <v>3673</v>
          </cell>
          <cell r="I142">
            <v>3785</v>
          </cell>
          <cell r="J142">
            <v>3453</v>
          </cell>
          <cell r="K142">
            <v>3468</v>
          </cell>
          <cell r="L142">
            <v>3737</v>
          </cell>
          <cell r="M142">
            <v>4670</v>
          </cell>
          <cell r="N142">
            <v>5556</v>
          </cell>
          <cell r="O142">
            <v>6550</v>
          </cell>
          <cell r="P142">
            <v>6051</v>
          </cell>
          <cell r="Q142">
            <v>5186</v>
          </cell>
          <cell r="R142">
            <v>4523</v>
          </cell>
          <cell r="S142">
            <v>5102</v>
          </cell>
          <cell r="T142">
            <v>6058</v>
          </cell>
          <cell r="U142">
            <v>3989</v>
          </cell>
          <cell r="V142">
            <v>2064</v>
          </cell>
          <cell r="W142">
            <v>728</v>
          </cell>
          <cell r="X142">
            <v>120</v>
          </cell>
          <cell r="Y142">
            <v>15</v>
          </cell>
        </row>
        <row r="143">
          <cell r="D143">
            <v>76319</v>
          </cell>
          <cell r="E143">
            <v>1772</v>
          </cell>
          <cell r="F143">
            <v>2377</v>
          </cell>
          <cell r="G143">
            <v>3033</v>
          </cell>
          <cell r="H143">
            <v>3375</v>
          </cell>
          <cell r="I143">
            <v>3516</v>
          </cell>
          <cell r="J143">
            <v>3089</v>
          </cell>
          <cell r="K143">
            <v>3185</v>
          </cell>
          <cell r="L143">
            <v>3335</v>
          </cell>
          <cell r="M143">
            <v>4246</v>
          </cell>
          <cell r="N143">
            <v>5007</v>
          </cell>
          <cell r="O143">
            <v>6035</v>
          </cell>
          <cell r="P143">
            <v>5213</v>
          </cell>
          <cell r="Q143">
            <v>4975</v>
          </cell>
          <cell r="R143">
            <v>4623</v>
          </cell>
          <cell r="S143">
            <v>5699</v>
          </cell>
          <cell r="T143">
            <v>7034</v>
          </cell>
          <cell r="U143">
            <v>4824</v>
          </cell>
          <cell r="V143">
            <v>2873</v>
          </cell>
          <cell r="W143">
            <v>1517</v>
          </cell>
          <cell r="X143">
            <v>505</v>
          </cell>
          <cell r="Y143">
            <v>86</v>
          </cell>
        </row>
        <row r="144">
          <cell r="D144">
            <v>211484</v>
          </cell>
          <cell r="E144">
            <v>5724</v>
          </cell>
          <cell r="F144">
            <v>7284</v>
          </cell>
          <cell r="G144">
            <v>8694</v>
          </cell>
          <cell r="H144">
            <v>10007</v>
          </cell>
          <cell r="I144">
            <v>11084</v>
          </cell>
          <cell r="J144">
            <v>11444</v>
          </cell>
          <cell r="K144">
            <v>10774</v>
          </cell>
          <cell r="L144">
            <v>10769</v>
          </cell>
          <cell r="M144">
            <v>12687</v>
          </cell>
          <cell r="N144">
            <v>15215</v>
          </cell>
          <cell r="O144">
            <v>19048</v>
          </cell>
          <cell r="P144">
            <v>16533</v>
          </cell>
          <cell r="Q144">
            <v>13408</v>
          </cell>
          <cell r="R144">
            <v>11183</v>
          </cell>
          <cell r="S144">
            <v>12680</v>
          </cell>
          <cell r="T144">
            <v>15119</v>
          </cell>
          <cell r="U144">
            <v>10435</v>
          </cell>
          <cell r="V144">
            <v>6145</v>
          </cell>
          <cell r="W144">
            <v>2544</v>
          </cell>
          <cell r="X144">
            <v>612</v>
          </cell>
          <cell r="Y144">
            <v>95</v>
          </cell>
        </row>
        <row r="145">
          <cell r="D145">
            <v>108809</v>
          </cell>
          <cell r="E145">
            <v>2855</v>
          </cell>
          <cell r="F145">
            <v>3763</v>
          </cell>
          <cell r="G145">
            <v>4474</v>
          </cell>
          <cell r="H145">
            <v>5228</v>
          </cell>
          <cell r="I145">
            <v>5852</v>
          </cell>
          <cell r="J145">
            <v>6361</v>
          </cell>
          <cell r="K145">
            <v>5960</v>
          </cell>
          <cell r="L145">
            <v>5979</v>
          </cell>
          <cell r="M145">
            <v>6839</v>
          </cell>
          <cell r="N145">
            <v>8225</v>
          </cell>
          <cell r="O145">
            <v>10278</v>
          </cell>
          <cell r="P145">
            <v>8976</v>
          </cell>
          <cell r="Q145">
            <v>7180</v>
          </cell>
          <cell r="R145">
            <v>5752</v>
          </cell>
          <cell r="S145">
            <v>5982</v>
          </cell>
          <cell r="T145">
            <v>6926</v>
          </cell>
          <cell r="U145">
            <v>4606</v>
          </cell>
          <cell r="V145">
            <v>2538</v>
          </cell>
          <cell r="W145">
            <v>873</v>
          </cell>
          <cell r="X145">
            <v>149</v>
          </cell>
          <cell r="Y145">
            <v>13</v>
          </cell>
        </row>
        <row r="146">
          <cell r="D146">
            <v>102675</v>
          </cell>
          <cell r="E146">
            <v>2869</v>
          </cell>
          <cell r="F146">
            <v>3521</v>
          </cell>
          <cell r="G146">
            <v>4220</v>
          </cell>
          <cell r="H146">
            <v>4779</v>
          </cell>
          <cell r="I146">
            <v>5232</v>
          </cell>
          <cell r="J146">
            <v>5083</v>
          </cell>
          <cell r="K146">
            <v>4814</v>
          </cell>
          <cell r="L146">
            <v>4790</v>
          </cell>
          <cell r="M146">
            <v>5848</v>
          </cell>
          <cell r="N146">
            <v>6990</v>
          </cell>
          <cell r="O146">
            <v>8770</v>
          </cell>
          <cell r="P146">
            <v>7557</v>
          </cell>
          <cell r="Q146">
            <v>6228</v>
          </cell>
          <cell r="R146">
            <v>5431</v>
          </cell>
          <cell r="S146">
            <v>6698</v>
          </cell>
          <cell r="T146">
            <v>8193</v>
          </cell>
          <cell r="U146">
            <v>5829</v>
          </cell>
          <cell r="V146">
            <v>3607</v>
          </cell>
          <cell r="W146">
            <v>1671</v>
          </cell>
          <cell r="X146">
            <v>463</v>
          </cell>
          <cell r="Y146">
            <v>82</v>
          </cell>
        </row>
        <row r="147">
          <cell r="D147">
            <v>237163</v>
          </cell>
          <cell r="E147">
            <v>8574</v>
          </cell>
          <cell r="F147">
            <v>9431</v>
          </cell>
          <cell r="G147">
            <v>9817</v>
          </cell>
          <cell r="H147">
            <v>10100</v>
          </cell>
          <cell r="I147">
            <v>11270</v>
          </cell>
          <cell r="J147">
            <v>14125</v>
          </cell>
          <cell r="K147">
            <v>14645</v>
          </cell>
          <cell r="L147">
            <v>14398</v>
          </cell>
          <cell r="M147">
            <v>15273</v>
          </cell>
          <cell r="N147">
            <v>17025</v>
          </cell>
          <cell r="O147">
            <v>20534</v>
          </cell>
          <cell r="P147">
            <v>18453</v>
          </cell>
          <cell r="Q147">
            <v>15011</v>
          </cell>
          <cell r="R147">
            <v>11840</v>
          </cell>
          <cell r="S147">
            <v>11578</v>
          </cell>
          <cell r="T147">
            <v>13929</v>
          </cell>
          <cell r="U147">
            <v>10723</v>
          </cell>
          <cell r="V147">
            <v>6706</v>
          </cell>
          <cell r="W147">
            <v>2916</v>
          </cell>
          <cell r="X147">
            <v>711</v>
          </cell>
          <cell r="Y147">
            <v>104</v>
          </cell>
        </row>
        <row r="148">
          <cell r="D148">
            <v>118091</v>
          </cell>
          <cell r="E148">
            <v>4425</v>
          </cell>
          <cell r="F148">
            <v>4748</v>
          </cell>
          <cell r="G148">
            <v>4986</v>
          </cell>
          <cell r="H148">
            <v>5138</v>
          </cell>
          <cell r="I148">
            <v>5713</v>
          </cell>
          <cell r="J148">
            <v>7109</v>
          </cell>
          <cell r="K148">
            <v>7502</v>
          </cell>
          <cell r="L148">
            <v>7424</v>
          </cell>
          <cell r="M148">
            <v>7938</v>
          </cell>
          <cell r="N148">
            <v>8949</v>
          </cell>
          <cell r="O148">
            <v>10752</v>
          </cell>
          <cell r="P148">
            <v>9584</v>
          </cell>
          <cell r="Q148">
            <v>7838</v>
          </cell>
          <cell r="R148">
            <v>6069</v>
          </cell>
          <cell r="S148">
            <v>5621</v>
          </cell>
          <cell r="T148">
            <v>6110</v>
          </cell>
          <cell r="U148">
            <v>4416</v>
          </cell>
          <cell r="V148">
            <v>2702</v>
          </cell>
          <cell r="W148">
            <v>895</v>
          </cell>
          <cell r="X148">
            <v>165</v>
          </cell>
          <cell r="Y148">
            <v>7</v>
          </cell>
        </row>
        <row r="149">
          <cell r="D149">
            <v>119072</v>
          </cell>
          <cell r="E149">
            <v>4149</v>
          </cell>
          <cell r="F149">
            <v>4683</v>
          </cell>
          <cell r="G149">
            <v>4831</v>
          </cell>
          <cell r="H149">
            <v>4962</v>
          </cell>
          <cell r="I149">
            <v>5557</v>
          </cell>
          <cell r="J149">
            <v>7016</v>
          </cell>
          <cell r="K149">
            <v>7143</v>
          </cell>
          <cell r="L149">
            <v>6974</v>
          </cell>
          <cell r="M149">
            <v>7335</v>
          </cell>
          <cell r="N149">
            <v>8076</v>
          </cell>
          <cell r="O149">
            <v>9782</v>
          </cell>
          <cell r="P149">
            <v>8869</v>
          </cell>
          <cell r="Q149">
            <v>7173</v>
          </cell>
          <cell r="R149">
            <v>5771</v>
          </cell>
          <cell r="S149">
            <v>5957</v>
          </cell>
          <cell r="T149">
            <v>7819</v>
          </cell>
          <cell r="U149">
            <v>6307</v>
          </cell>
          <cell r="V149">
            <v>4004</v>
          </cell>
          <cell r="W149">
            <v>2021</v>
          </cell>
          <cell r="X149">
            <v>546</v>
          </cell>
          <cell r="Y149">
            <v>97</v>
          </cell>
        </row>
        <row r="150">
          <cell r="D150">
            <v>95477</v>
          </cell>
          <cell r="E150">
            <v>2784</v>
          </cell>
          <cell r="F150">
            <v>3448</v>
          </cell>
          <cell r="G150">
            <v>3867</v>
          </cell>
          <cell r="H150">
            <v>4171</v>
          </cell>
          <cell r="I150">
            <v>5015</v>
          </cell>
          <cell r="J150">
            <v>5239</v>
          </cell>
          <cell r="K150">
            <v>4946</v>
          </cell>
          <cell r="L150">
            <v>4922</v>
          </cell>
          <cell r="M150">
            <v>5678</v>
          </cell>
          <cell r="N150">
            <v>6646</v>
          </cell>
          <cell r="O150">
            <v>8159</v>
          </cell>
          <cell r="P150">
            <v>7455</v>
          </cell>
          <cell r="Q150">
            <v>6243</v>
          </cell>
          <cell r="R150">
            <v>4983</v>
          </cell>
          <cell r="S150">
            <v>5590</v>
          </cell>
          <cell r="T150">
            <v>6666</v>
          </cell>
          <cell r="U150">
            <v>4858</v>
          </cell>
          <cell r="V150">
            <v>3049</v>
          </cell>
          <cell r="W150">
            <v>1341</v>
          </cell>
          <cell r="X150">
            <v>363</v>
          </cell>
          <cell r="Y150">
            <v>54</v>
          </cell>
        </row>
        <row r="151">
          <cell r="D151">
            <v>48324</v>
          </cell>
          <cell r="E151">
            <v>1419</v>
          </cell>
          <cell r="F151">
            <v>1793</v>
          </cell>
          <cell r="G151">
            <v>1974</v>
          </cell>
          <cell r="H151">
            <v>2106</v>
          </cell>
          <cell r="I151">
            <v>2625</v>
          </cell>
          <cell r="J151">
            <v>2843</v>
          </cell>
          <cell r="K151">
            <v>2717</v>
          </cell>
          <cell r="L151">
            <v>2608</v>
          </cell>
          <cell r="M151">
            <v>3021</v>
          </cell>
          <cell r="N151">
            <v>3510</v>
          </cell>
          <cell r="O151">
            <v>4264</v>
          </cell>
          <cell r="P151">
            <v>3941</v>
          </cell>
          <cell r="Q151">
            <v>3275</v>
          </cell>
          <cell r="R151">
            <v>2513</v>
          </cell>
          <cell r="S151">
            <v>2698</v>
          </cell>
          <cell r="T151">
            <v>3082</v>
          </cell>
          <cell r="U151">
            <v>2128</v>
          </cell>
          <cell r="V151">
            <v>1237</v>
          </cell>
          <cell r="W151">
            <v>478</v>
          </cell>
          <cell r="X151">
            <v>86</v>
          </cell>
          <cell r="Y151">
            <v>6</v>
          </cell>
        </row>
        <row r="152">
          <cell r="D152">
            <v>47153</v>
          </cell>
          <cell r="E152">
            <v>1365</v>
          </cell>
          <cell r="F152">
            <v>1655</v>
          </cell>
          <cell r="G152">
            <v>1893</v>
          </cell>
          <cell r="H152">
            <v>2065</v>
          </cell>
          <cell r="I152">
            <v>2390</v>
          </cell>
          <cell r="J152">
            <v>2396</v>
          </cell>
          <cell r="K152">
            <v>2229</v>
          </cell>
          <cell r="L152">
            <v>2314</v>
          </cell>
          <cell r="M152">
            <v>2657</v>
          </cell>
          <cell r="N152">
            <v>3136</v>
          </cell>
          <cell r="O152">
            <v>3895</v>
          </cell>
          <cell r="P152">
            <v>3514</v>
          </cell>
          <cell r="Q152">
            <v>2968</v>
          </cell>
          <cell r="R152">
            <v>2470</v>
          </cell>
          <cell r="S152">
            <v>2892</v>
          </cell>
          <cell r="T152">
            <v>3584</v>
          </cell>
          <cell r="U152">
            <v>2730</v>
          </cell>
          <cell r="V152">
            <v>1812</v>
          </cell>
          <cell r="W152">
            <v>863</v>
          </cell>
          <cell r="X152">
            <v>277</v>
          </cell>
          <cell r="Y152">
            <v>48</v>
          </cell>
        </row>
        <row r="153">
          <cell r="D153">
            <v>136909</v>
          </cell>
          <cell r="E153">
            <v>5144</v>
          </cell>
          <cell r="F153">
            <v>5797</v>
          </cell>
          <cell r="G153">
            <v>5912</v>
          </cell>
          <cell r="H153">
            <v>6214</v>
          </cell>
          <cell r="I153">
            <v>6765</v>
          </cell>
          <cell r="J153">
            <v>7336</v>
          </cell>
          <cell r="K153">
            <v>8094</v>
          </cell>
          <cell r="L153">
            <v>8327</v>
          </cell>
          <cell r="M153">
            <v>9027</v>
          </cell>
          <cell r="N153">
            <v>10026</v>
          </cell>
          <cell r="O153">
            <v>11681</v>
          </cell>
          <cell r="P153">
            <v>10051</v>
          </cell>
          <cell r="Q153">
            <v>7994</v>
          </cell>
          <cell r="R153">
            <v>6602</v>
          </cell>
          <cell r="S153">
            <v>7249</v>
          </cell>
          <cell r="T153">
            <v>8639</v>
          </cell>
          <cell r="U153">
            <v>6171</v>
          </cell>
          <cell r="V153">
            <v>3872</v>
          </cell>
          <cell r="W153">
            <v>1529</v>
          </cell>
          <cell r="X153">
            <v>428</v>
          </cell>
          <cell r="Y153">
            <v>51</v>
          </cell>
        </row>
        <row r="154">
          <cell r="D154">
            <v>68642</v>
          </cell>
          <cell r="E154">
            <v>2620</v>
          </cell>
          <cell r="F154">
            <v>3025</v>
          </cell>
          <cell r="G154">
            <v>3022</v>
          </cell>
          <cell r="H154">
            <v>3203</v>
          </cell>
          <cell r="I154">
            <v>3524</v>
          </cell>
          <cell r="J154">
            <v>3840</v>
          </cell>
          <cell r="K154">
            <v>4214</v>
          </cell>
          <cell r="L154">
            <v>4378</v>
          </cell>
          <cell r="M154">
            <v>4661</v>
          </cell>
          <cell r="N154">
            <v>5208</v>
          </cell>
          <cell r="O154">
            <v>6021</v>
          </cell>
          <cell r="P154">
            <v>5252</v>
          </cell>
          <cell r="Q154">
            <v>4140</v>
          </cell>
          <cell r="R154">
            <v>3227</v>
          </cell>
          <cell r="S154">
            <v>3448</v>
          </cell>
          <cell r="T154">
            <v>3924</v>
          </cell>
          <cell r="U154">
            <v>2690</v>
          </cell>
          <cell r="V154">
            <v>1612</v>
          </cell>
          <cell r="W154">
            <v>521</v>
          </cell>
          <cell r="X154">
            <v>107</v>
          </cell>
          <cell r="Y154">
            <v>5</v>
          </cell>
        </row>
        <row r="155">
          <cell r="D155">
            <v>68267</v>
          </cell>
          <cell r="E155">
            <v>2524</v>
          </cell>
          <cell r="F155">
            <v>2772</v>
          </cell>
          <cell r="G155">
            <v>2890</v>
          </cell>
          <cell r="H155">
            <v>3011</v>
          </cell>
          <cell r="I155">
            <v>3241</v>
          </cell>
          <cell r="J155">
            <v>3496</v>
          </cell>
          <cell r="K155">
            <v>3880</v>
          </cell>
          <cell r="L155">
            <v>3949</v>
          </cell>
          <cell r="M155">
            <v>4366</v>
          </cell>
          <cell r="N155">
            <v>4818</v>
          </cell>
          <cell r="O155">
            <v>5660</v>
          </cell>
          <cell r="P155">
            <v>4799</v>
          </cell>
          <cell r="Q155">
            <v>3854</v>
          </cell>
          <cell r="R155">
            <v>3375</v>
          </cell>
          <cell r="S155">
            <v>3801</v>
          </cell>
          <cell r="T155">
            <v>4715</v>
          </cell>
          <cell r="U155">
            <v>3481</v>
          </cell>
          <cell r="V155">
            <v>2260</v>
          </cell>
          <cell r="W155">
            <v>1008</v>
          </cell>
          <cell r="X155">
            <v>321</v>
          </cell>
          <cell r="Y155">
            <v>46</v>
          </cell>
        </row>
        <row r="156">
          <cell r="D156">
            <v>126787</v>
          </cell>
          <cell r="E156">
            <v>3742</v>
          </cell>
          <cell r="F156">
            <v>4571</v>
          </cell>
          <cell r="G156">
            <v>5062</v>
          </cell>
          <cell r="H156">
            <v>5486</v>
          </cell>
          <cell r="I156">
            <v>5973</v>
          </cell>
          <cell r="J156">
            <v>6537</v>
          </cell>
          <cell r="K156">
            <v>6778</v>
          </cell>
          <cell r="L156">
            <v>6966</v>
          </cell>
          <cell r="M156">
            <v>7665</v>
          </cell>
          <cell r="N156">
            <v>8996</v>
          </cell>
          <cell r="O156">
            <v>11215</v>
          </cell>
          <cell r="P156">
            <v>10394</v>
          </cell>
          <cell r="Q156">
            <v>8737</v>
          </cell>
          <cell r="R156">
            <v>6931</v>
          </cell>
          <cell r="S156">
            <v>7138</v>
          </cell>
          <cell r="T156">
            <v>8426</v>
          </cell>
          <cell r="U156">
            <v>6292</v>
          </cell>
          <cell r="V156">
            <v>3859</v>
          </cell>
          <cell r="W156">
            <v>1582</v>
          </cell>
          <cell r="X156">
            <v>392</v>
          </cell>
          <cell r="Y156">
            <v>45</v>
          </cell>
        </row>
        <row r="157">
          <cell r="D157">
            <v>63314</v>
          </cell>
          <cell r="E157">
            <v>1957</v>
          </cell>
          <cell r="F157">
            <v>2332</v>
          </cell>
          <cell r="G157">
            <v>2545</v>
          </cell>
          <cell r="H157">
            <v>2806</v>
          </cell>
          <cell r="I157">
            <v>3076</v>
          </cell>
          <cell r="J157">
            <v>3386</v>
          </cell>
          <cell r="K157">
            <v>3514</v>
          </cell>
          <cell r="L157">
            <v>3646</v>
          </cell>
          <cell r="M157">
            <v>4054</v>
          </cell>
          <cell r="N157">
            <v>4667</v>
          </cell>
          <cell r="O157">
            <v>5896</v>
          </cell>
          <cell r="P157">
            <v>5408</v>
          </cell>
          <cell r="Q157">
            <v>4545</v>
          </cell>
          <cell r="R157">
            <v>3510</v>
          </cell>
          <cell r="S157">
            <v>3463</v>
          </cell>
          <cell r="T157">
            <v>3784</v>
          </cell>
          <cell r="U157">
            <v>2604</v>
          </cell>
          <cell r="V157">
            <v>1529</v>
          </cell>
          <cell r="W157">
            <v>516</v>
          </cell>
          <cell r="X157">
            <v>69</v>
          </cell>
          <cell r="Y157">
            <v>7</v>
          </cell>
        </row>
        <row r="158">
          <cell r="D158">
            <v>63473</v>
          </cell>
          <cell r="E158">
            <v>1785</v>
          </cell>
          <cell r="F158">
            <v>2239</v>
          </cell>
          <cell r="G158">
            <v>2517</v>
          </cell>
          <cell r="H158">
            <v>2680</v>
          </cell>
          <cell r="I158">
            <v>2897</v>
          </cell>
          <cell r="J158">
            <v>3151</v>
          </cell>
          <cell r="K158">
            <v>3264</v>
          </cell>
          <cell r="L158">
            <v>3320</v>
          </cell>
          <cell r="M158">
            <v>3611</v>
          </cell>
          <cell r="N158">
            <v>4329</v>
          </cell>
          <cell r="O158">
            <v>5319</v>
          </cell>
          <cell r="P158">
            <v>4986</v>
          </cell>
          <cell r="Q158">
            <v>4192</v>
          </cell>
          <cell r="R158">
            <v>3421</v>
          </cell>
          <cell r="S158">
            <v>3675</v>
          </cell>
          <cell r="T158">
            <v>4642</v>
          </cell>
          <cell r="U158">
            <v>3688</v>
          </cell>
          <cell r="V158">
            <v>2330</v>
          </cell>
          <cell r="W158">
            <v>1066</v>
          </cell>
          <cell r="X158">
            <v>323</v>
          </cell>
          <cell r="Y158">
            <v>38</v>
          </cell>
        </row>
        <row r="159">
          <cell r="D159">
            <v>38886</v>
          </cell>
          <cell r="E159">
            <v>745</v>
          </cell>
          <cell r="F159">
            <v>1181</v>
          </cell>
          <cell r="G159">
            <v>1635</v>
          </cell>
          <cell r="H159">
            <v>1786</v>
          </cell>
          <cell r="I159">
            <v>1708</v>
          </cell>
          <cell r="J159">
            <v>1548</v>
          </cell>
          <cell r="K159">
            <v>1393</v>
          </cell>
          <cell r="L159">
            <v>1605</v>
          </cell>
          <cell r="M159">
            <v>2100</v>
          </cell>
          <cell r="N159">
            <v>2513</v>
          </cell>
          <cell r="O159">
            <v>3308</v>
          </cell>
          <cell r="P159">
            <v>3073</v>
          </cell>
          <cell r="Q159">
            <v>2736</v>
          </cell>
          <cell r="R159">
            <v>2430</v>
          </cell>
          <cell r="S159">
            <v>2734</v>
          </cell>
          <cell r="T159">
            <v>3240</v>
          </cell>
          <cell r="U159">
            <v>2473</v>
          </cell>
          <cell r="V159">
            <v>1633</v>
          </cell>
          <cell r="W159">
            <v>811</v>
          </cell>
          <cell r="X159">
            <v>204</v>
          </cell>
          <cell r="Y159">
            <v>30</v>
          </cell>
        </row>
        <row r="160">
          <cell r="D160">
            <v>19138</v>
          </cell>
          <cell r="E160">
            <v>387</v>
          </cell>
          <cell r="F160">
            <v>602</v>
          </cell>
          <cell r="G160">
            <v>836</v>
          </cell>
          <cell r="H160">
            <v>906</v>
          </cell>
          <cell r="I160">
            <v>919</v>
          </cell>
          <cell r="J160">
            <v>875</v>
          </cell>
          <cell r="K160">
            <v>721</v>
          </cell>
          <cell r="L160">
            <v>828</v>
          </cell>
          <cell r="M160">
            <v>1074</v>
          </cell>
          <cell r="N160">
            <v>1301</v>
          </cell>
          <cell r="O160">
            <v>1727</v>
          </cell>
          <cell r="P160">
            <v>1602</v>
          </cell>
          <cell r="Q160">
            <v>1359</v>
          </cell>
          <cell r="R160">
            <v>1237</v>
          </cell>
          <cell r="S160">
            <v>1297</v>
          </cell>
          <cell r="T160">
            <v>1440</v>
          </cell>
          <cell r="U160">
            <v>1074</v>
          </cell>
          <cell r="V160">
            <v>632</v>
          </cell>
          <cell r="W160">
            <v>273</v>
          </cell>
          <cell r="X160">
            <v>43</v>
          </cell>
          <cell r="Y160">
            <v>5</v>
          </cell>
        </row>
        <row r="161">
          <cell r="D161">
            <v>19748</v>
          </cell>
          <cell r="E161">
            <v>358</v>
          </cell>
          <cell r="F161">
            <v>579</v>
          </cell>
          <cell r="G161">
            <v>799</v>
          </cell>
          <cell r="H161">
            <v>880</v>
          </cell>
          <cell r="I161">
            <v>789</v>
          </cell>
          <cell r="J161">
            <v>673</v>
          </cell>
          <cell r="K161">
            <v>672</v>
          </cell>
          <cell r="L161">
            <v>777</v>
          </cell>
          <cell r="M161">
            <v>1026</v>
          </cell>
          <cell r="N161">
            <v>1212</v>
          </cell>
          <cell r="O161">
            <v>1581</v>
          </cell>
          <cell r="P161">
            <v>1471</v>
          </cell>
          <cell r="Q161">
            <v>1377</v>
          </cell>
          <cell r="R161">
            <v>1193</v>
          </cell>
          <cell r="S161">
            <v>1437</v>
          </cell>
          <cell r="T161">
            <v>1800</v>
          </cell>
          <cell r="U161">
            <v>1399</v>
          </cell>
          <cell r="V161">
            <v>1001</v>
          </cell>
          <cell r="W161">
            <v>538</v>
          </cell>
          <cell r="X161">
            <v>161</v>
          </cell>
          <cell r="Y161">
            <v>25</v>
          </cell>
        </row>
        <row r="162">
          <cell r="D162">
            <v>78307</v>
          </cell>
          <cell r="E162">
            <v>2427</v>
          </cell>
          <cell r="F162">
            <v>2951</v>
          </cell>
          <cell r="G162">
            <v>3636</v>
          </cell>
          <cell r="H162">
            <v>3977</v>
          </cell>
          <cell r="I162">
            <v>3785</v>
          </cell>
          <cell r="J162">
            <v>3656</v>
          </cell>
          <cell r="K162">
            <v>3781</v>
          </cell>
          <cell r="L162">
            <v>4069</v>
          </cell>
          <cell r="M162">
            <v>4569</v>
          </cell>
          <cell r="N162">
            <v>5603</v>
          </cell>
          <cell r="O162">
            <v>7156</v>
          </cell>
          <cell r="P162">
            <v>6030</v>
          </cell>
          <cell r="Q162">
            <v>4378</v>
          </cell>
          <cell r="R162">
            <v>3614</v>
          </cell>
          <cell r="S162">
            <v>4283</v>
          </cell>
          <cell r="T162">
            <v>5786</v>
          </cell>
          <cell r="U162">
            <v>4663</v>
          </cell>
          <cell r="V162">
            <v>2663</v>
          </cell>
          <cell r="W162">
            <v>1014</v>
          </cell>
          <cell r="X162">
            <v>232</v>
          </cell>
          <cell r="Y162">
            <v>34</v>
          </cell>
        </row>
        <row r="163">
          <cell r="D163">
            <v>39573</v>
          </cell>
          <cell r="E163">
            <v>1212</v>
          </cell>
          <cell r="F163">
            <v>1549</v>
          </cell>
          <cell r="G163">
            <v>1838</v>
          </cell>
          <cell r="H163">
            <v>2021</v>
          </cell>
          <cell r="I163">
            <v>1892</v>
          </cell>
          <cell r="J163">
            <v>1948</v>
          </cell>
          <cell r="K163">
            <v>2025</v>
          </cell>
          <cell r="L163">
            <v>2210</v>
          </cell>
          <cell r="M163">
            <v>2426</v>
          </cell>
          <cell r="N163">
            <v>3038</v>
          </cell>
          <cell r="O163">
            <v>3806</v>
          </cell>
          <cell r="P163">
            <v>3279</v>
          </cell>
          <cell r="Q163">
            <v>2389</v>
          </cell>
          <cell r="R163">
            <v>1798</v>
          </cell>
          <cell r="S163">
            <v>2016</v>
          </cell>
          <cell r="T163">
            <v>2564</v>
          </cell>
          <cell r="U163">
            <v>2014</v>
          </cell>
          <cell r="V163">
            <v>1157</v>
          </cell>
          <cell r="W163">
            <v>350</v>
          </cell>
          <cell r="X163">
            <v>38</v>
          </cell>
          <cell r="Y163">
            <v>3</v>
          </cell>
        </row>
        <row r="164">
          <cell r="D164">
            <v>38734</v>
          </cell>
          <cell r="E164">
            <v>1215</v>
          </cell>
          <cell r="F164">
            <v>1402</v>
          </cell>
          <cell r="G164">
            <v>1798</v>
          </cell>
          <cell r="H164">
            <v>1956</v>
          </cell>
          <cell r="I164">
            <v>1893</v>
          </cell>
          <cell r="J164">
            <v>1708</v>
          </cell>
          <cell r="K164">
            <v>1756</v>
          </cell>
          <cell r="L164">
            <v>1859</v>
          </cell>
          <cell r="M164">
            <v>2143</v>
          </cell>
          <cell r="N164">
            <v>2565</v>
          </cell>
          <cell r="O164">
            <v>3350</v>
          </cell>
          <cell r="P164">
            <v>2751</v>
          </cell>
          <cell r="Q164">
            <v>1989</v>
          </cell>
          <cell r="R164">
            <v>1816</v>
          </cell>
          <cell r="S164">
            <v>2267</v>
          </cell>
          <cell r="T164">
            <v>3222</v>
          </cell>
          <cell r="U164">
            <v>2649</v>
          </cell>
          <cell r="V164">
            <v>1506</v>
          </cell>
          <cell r="W164">
            <v>664</v>
          </cell>
          <cell r="X164">
            <v>194</v>
          </cell>
          <cell r="Y164">
            <v>31</v>
          </cell>
        </row>
        <row r="169">
          <cell r="D169">
            <v>31125</v>
          </cell>
          <cell r="E169">
            <v>707</v>
          </cell>
          <cell r="F169">
            <v>1259</v>
          </cell>
          <cell r="G169">
            <v>1607</v>
          </cell>
          <cell r="H169">
            <v>1620</v>
          </cell>
          <cell r="I169">
            <v>1275</v>
          </cell>
          <cell r="J169">
            <v>746</v>
          </cell>
          <cell r="K169">
            <v>721</v>
          </cell>
          <cell r="L169">
            <v>1063</v>
          </cell>
          <cell r="M169">
            <v>1705</v>
          </cell>
          <cell r="N169">
            <v>2388</v>
          </cell>
          <cell r="O169">
            <v>3009</v>
          </cell>
          <cell r="P169">
            <v>2768</v>
          </cell>
          <cell r="Q169">
            <v>2278</v>
          </cell>
          <cell r="R169">
            <v>1713</v>
          </cell>
          <cell r="S169">
            <v>1759</v>
          </cell>
          <cell r="T169">
            <v>2402</v>
          </cell>
          <cell r="U169">
            <v>1910</v>
          </cell>
          <cell r="V169">
            <v>1300</v>
          </cell>
          <cell r="W169">
            <v>661</v>
          </cell>
          <cell r="X169">
            <v>195</v>
          </cell>
          <cell r="Y169">
            <v>39</v>
          </cell>
        </row>
        <row r="170">
          <cell r="D170">
            <v>14608</v>
          </cell>
          <cell r="E170">
            <v>376</v>
          </cell>
          <cell r="F170">
            <v>658</v>
          </cell>
          <cell r="G170">
            <v>848</v>
          </cell>
          <cell r="H170">
            <v>835</v>
          </cell>
          <cell r="I170">
            <v>643</v>
          </cell>
          <cell r="J170">
            <v>354</v>
          </cell>
          <cell r="K170">
            <v>342</v>
          </cell>
          <cell r="L170">
            <v>477</v>
          </cell>
          <cell r="M170">
            <v>756</v>
          </cell>
          <cell r="N170">
            <v>1109</v>
          </cell>
          <cell r="O170">
            <v>1455</v>
          </cell>
          <cell r="P170">
            <v>1332</v>
          </cell>
          <cell r="Q170">
            <v>1148</v>
          </cell>
          <cell r="R170">
            <v>875</v>
          </cell>
          <cell r="S170">
            <v>809</v>
          </cell>
          <cell r="T170">
            <v>1003</v>
          </cell>
          <cell r="U170">
            <v>811</v>
          </cell>
          <cell r="V170">
            <v>501</v>
          </cell>
          <cell r="W170">
            <v>219</v>
          </cell>
          <cell r="X170">
            <v>53</v>
          </cell>
          <cell r="Y170">
            <v>4</v>
          </cell>
        </row>
        <row r="171">
          <cell r="D171">
            <v>16517</v>
          </cell>
          <cell r="E171">
            <v>331</v>
          </cell>
          <cell r="F171">
            <v>601</v>
          </cell>
          <cell r="G171">
            <v>759</v>
          </cell>
          <cell r="H171">
            <v>785</v>
          </cell>
          <cell r="I171">
            <v>632</v>
          </cell>
          <cell r="J171">
            <v>392</v>
          </cell>
          <cell r="K171">
            <v>379</v>
          </cell>
          <cell r="L171">
            <v>586</v>
          </cell>
          <cell r="M171">
            <v>949</v>
          </cell>
          <cell r="N171">
            <v>1279</v>
          </cell>
          <cell r="O171">
            <v>1554</v>
          </cell>
          <cell r="P171">
            <v>1436</v>
          </cell>
          <cell r="Q171">
            <v>1130</v>
          </cell>
          <cell r="R171">
            <v>838</v>
          </cell>
          <cell r="S171">
            <v>950</v>
          </cell>
          <cell r="T171">
            <v>1399</v>
          </cell>
          <cell r="U171">
            <v>1099</v>
          </cell>
          <cell r="V171">
            <v>799</v>
          </cell>
          <cell r="W171">
            <v>442</v>
          </cell>
          <cell r="X171">
            <v>142</v>
          </cell>
          <cell r="Y171">
            <v>35</v>
          </cell>
        </row>
        <row r="176">
          <cell r="D176">
            <v>47317</v>
          </cell>
          <cell r="E176">
            <v>1551</v>
          </cell>
          <cell r="F176">
            <v>1976</v>
          </cell>
          <cell r="G176">
            <v>2163</v>
          </cell>
          <cell r="H176">
            <v>2236</v>
          </cell>
          <cell r="I176">
            <v>2077</v>
          </cell>
          <cell r="J176">
            <v>2121</v>
          </cell>
          <cell r="K176">
            <v>2307</v>
          </cell>
          <cell r="L176">
            <v>2701</v>
          </cell>
          <cell r="M176">
            <v>2910</v>
          </cell>
          <cell r="N176">
            <v>3573</v>
          </cell>
          <cell r="O176">
            <v>4023</v>
          </cell>
          <cell r="P176">
            <v>3333</v>
          </cell>
          <cell r="Q176">
            <v>2859</v>
          </cell>
          <cell r="R176">
            <v>2501</v>
          </cell>
          <cell r="S176">
            <v>2975</v>
          </cell>
          <cell r="T176">
            <v>3379</v>
          </cell>
          <cell r="U176">
            <v>2477</v>
          </cell>
          <cell r="V176">
            <v>1399</v>
          </cell>
          <cell r="W176">
            <v>585</v>
          </cell>
          <cell r="X176">
            <v>153</v>
          </cell>
          <cell r="Y176">
            <v>18</v>
          </cell>
        </row>
        <row r="177">
          <cell r="D177">
            <v>23903</v>
          </cell>
          <cell r="E177">
            <v>801</v>
          </cell>
          <cell r="F177">
            <v>1038</v>
          </cell>
          <cell r="G177">
            <v>1099</v>
          </cell>
          <cell r="H177">
            <v>1170</v>
          </cell>
          <cell r="I177">
            <v>1056</v>
          </cell>
          <cell r="J177">
            <v>1113</v>
          </cell>
          <cell r="K177">
            <v>1226</v>
          </cell>
          <cell r="L177">
            <v>1449</v>
          </cell>
          <cell r="M177">
            <v>1496</v>
          </cell>
          <cell r="N177">
            <v>1903</v>
          </cell>
          <cell r="O177">
            <v>2163</v>
          </cell>
          <cell r="P177">
            <v>1796</v>
          </cell>
          <cell r="Q177">
            <v>1497</v>
          </cell>
          <cell r="R177">
            <v>1237</v>
          </cell>
          <cell r="S177">
            <v>1410</v>
          </cell>
          <cell r="T177">
            <v>1537</v>
          </cell>
          <cell r="U177">
            <v>1100</v>
          </cell>
          <cell r="V177">
            <v>603</v>
          </cell>
          <cell r="W177">
            <v>185</v>
          </cell>
          <cell r="X177">
            <v>22</v>
          </cell>
          <cell r="Y177">
            <v>2</v>
          </cell>
        </row>
        <row r="178">
          <cell r="D178">
            <v>23414</v>
          </cell>
          <cell r="E178">
            <v>750</v>
          </cell>
          <cell r="F178">
            <v>938</v>
          </cell>
          <cell r="G178">
            <v>1064</v>
          </cell>
          <cell r="H178">
            <v>1066</v>
          </cell>
          <cell r="I178">
            <v>1021</v>
          </cell>
          <cell r="J178">
            <v>1008</v>
          </cell>
          <cell r="K178">
            <v>1081</v>
          </cell>
          <cell r="L178">
            <v>1252</v>
          </cell>
          <cell r="M178">
            <v>1414</v>
          </cell>
          <cell r="N178">
            <v>1670</v>
          </cell>
          <cell r="O178">
            <v>1860</v>
          </cell>
          <cell r="P178">
            <v>1537</v>
          </cell>
          <cell r="Q178">
            <v>1362</v>
          </cell>
          <cell r="R178">
            <v>1264</v>
          </cell>
          <cell r="S178">
            <v>1565</v>
          </cell>
          <cell r="T178">
            <v>1842</v>
          </cell>
          <cell r="U178">
            <v>1377</v>
          </cell>
          <cell r="V178">
            <v>796</v>
          </cell>
          <cell r="W178">
            <v>400</v>
          </cell>
          <cell r="X178">
            <v>131</v>
          </cell>
          <cell r="Y178">
            <v>16</v>
          </cell>
        </row>
        <row r="183">
          <cell r="D183">
            <v>31169</v>
          </cell>
          <cell r="E183">
            <v>707</v>
          </cell>
          <cell r="F183">
            <v>1140</v>
          </cell>
          <cell r="G183">
            <v>1308</v>
          </cell>
          <cell r="H183">
            <v>1407</v>
          </cell>
          <cell r="I183">
            <v>1206</v>
          </cell>
          <cell r="J183">
            <v>917</v>
          </cell>
          <cell r="K183">
            <v>989</v>
          </cell>
          <cell r="L183">
            <v>1235</v>
          </cell>
          <cell r="M183">
            <v>1788</v>
          </cell>
          <cell r="N183">
            <v>2153</v>
          </cell>
          <cell r="O183">
            <v>2694</v>
          </cell>
          <cell r="P183">
            <v>2500</v>
          </cell>
          <cell r="Q183">
            <v>2156</v>
          </cell>
          <cell r="R183">
            <v>1945</v>
          </cell>
          <cell r="S183">
            <v>2146</v>
          </cell>
          <cell r="T183">
            <v>2768</v>
          </cell>
          <cell r="U183">
            <v>2042</v>
          </cell>
          <cell r="V183">
            <v>1268</v>
          </cell>
          <cell r="W183">
            <v>598</v>
          </cell>
          <cell r="X183">
            <v>172</v>
          </cell>
          <cell r="Y183">
            <v>30</v>
          </cell>
        </row>
        <row r="184">
          <cell r="D184">
            <v>15182</v>
          </cell>
          <cell r="E184">
            <v>352</v>
          </cell>
          <cell r="F184">
            <v>608</v>
          </cell>
          <cell r="G184">
            <v>655</v>
          </cell>
          <cell r="H184">
            <v>733</v>
          </cell>
          <cell r="I184">
            <v>605</v>
          </cell>
          <cell r="J184">
            <v>458</v>
          </cell>
          <cell r="K184">
            <v>509</v>
          </cell>
          <cell r="L184">
            <v>602</v>
          </cell>
          <cell r="M184">
            <v>877</v>
          </cell>
          <cell r="N184">
            <v>1101</v>
          </cell>
          <cell r="O184">
            <v>1395</v>
          </cell>
          <cell r="P184">
            <v>1317</v>
          </cell>
          <cell r="Q184">
            <v>1122</v>
          </cell>
          <cell r="R184">
            <v>934</v>
          </cell>
          <cell r="S184">
            <v>1015</v>
          </cell>
          <cell r="T184">
            <v>1259</v>
          </cell>
          <cell r="U184">
            <v>909</v>
          </cell>
          <cell r="V184">
            <v>507</v>
          </cell>
          <cell r="W184">
            <v>178</v>
          </cell>
          <cell r="X184">
            <v>45</v>
          </cell>
          <cell r="Y184">
            <v>1</v>
          </cell>
        </row>
        <row r="185">
          <cell r="D185">
            <v>15987</v>
          </cell>
          <cell r="E185">
            <v>355</v>
          </cell>
          <cell r="F185">
            <v>532</v>
          </cell>
          <cell r="G185">
            <v>653</v>
          </cell>
          <cell r="H185">
            <v>674</v>
          </cell>
          <cell r="I185">
            <v>601</v>
          </cell>
          <cell r="J185">
            <v>459</v>
          </cell>
          <cell r="K185">
            <v>480</v>
          </cell>
          <cell r="L185">
            <v>633</v>
          </cell>
          <cell r="M185">
            <v>911</v>
          </cell>
          <cell r="N185">
            <v>1052</v>
          </cell>
          <cell r="O185">
            <v>1299</v>
          </cell>
          <cell r="P185">
            <v>1183</v>
          </cell>
          <cell r="Q185">
            <v>1034</v>
          </cell>
          <cell r="R185">
            <v>1011</v>
          </cell>
          <cell r="S185">
            <v>1131</v>
          </cell>
          <cell r="T185">
            <v>1509</v>
          </cell>
          <cell r="U185">
            <v>1133</v>
          </cell>
          <cell r="V185">
            <v>761</v>
          </cell>
          <cell r="W185">
            <v>420</v>
          </cell>
          <cell r="X185">
            <v>127</v>
          </cell>
          <cell r="Y185">
            <v>29</v>
          </cell>
        </row>
        <row r="186">
          <cell r="D186">
            <v>26792</v>
          </cell>
          <cell r="E186">
            <v>555</v>
          </cell>
          <cell r="F186">
            <v>878</v>
          </cell>
          <cell r="G186">
            <v>997</v>
          </cell>
          <cell r="H186">
            <v>1098</v>
          </cell>
          <cell r="I186">
            <v>1069</v>
          </cell>
          <cell r="J186">
            <v>908</v>
          </cell>
          <cell r="K186">
            <v>863</v>
          </cell>
          <cell r="L186">
            <v>1198</v>
          </cell>
          <cell r="M186">
            <v>1419</v>
          </cell>
          <cell r="N186">
            <v>1772</v>
          </cell>
          <cell r="O186">
            <v>2120</v>
          </cell>
          <cell r="P186">
            <v>2169</v>
          </cell>
          <cell r="Q186">
            <v>1958</v>
          </cell>
          <cell r="R186">
            <v>1753</v>
          </cell>
          <cell r="S186">
            <v>1824</v>
          </cell>
          <cell r="T186">
            <v>2330</v>
          </cell>
          <cell r="U186">
            <v>1829</v>
          </cell>
          <cell r="V186">
            <v>1238</v>
          </cell>
          <cell r="W186">
            <v>621</v>
          </cell>
          <cell r="X186">
            <v>168</v>
          </cell>
          <cell r="Y186">
            <v>25</v>
          </cell>
        </row>
        <row r="187">
          <cell r="D187">
            <v>12941</v>
          </cell>
          <cell r="E187">
            <v>274</v>
          </cell>
          <cell r="F187">
            <v>455</v>
          </cell>
          <cell r="G187">
            <v>508</v>
          </cell>
          <cell r="H187">
            <v>559</v>
          </cell>
          <cell r="I187">
            <v>540</v>
          </cell>
          <cell r="J187">
            <v>455</v>
          </cell>
          <cell r="K187">
            <v>438</v>
          </cell>
          <cell r="L187">
            <v>596</v>
          </cell>
          <cell r="M187">
            <v>709</v>
          </cell>
          <cell r="N187">
            <v>889</v>
          </cell>
          <cell r="O187">
            <v>1067</v>
          </cell>
          <cell r="P187">
            <v>1120</v>
          </cell>
          <cell r="Q187">
            <v>975</v>
          </cell>
          <cell r="R187">
            <v>876</v>
          </cell>
          <cell r="S187">
            <v>866</v>
          </cell>
          <cell r="T187">
            <v>1051</v>
          </cell>
          <cell r="U187">
            <v>812</v>
          </cell>
          <cell r="V187">
            <v>490</v>
          </cell>
          <cell r="W187">
            <v>209</v>
          </cell>
          <cell r="X187">
            <v>51</v>
          </cell>
          <cell r="Y187">
            <v>1</v>
          </cell>
        </row>
        <row r="188">
          <cell r="D188">
            <v>13851</v>
          </cell>
          <cell r="E188">
            <v>281</v>
          </cell>
          <cell r="F188">
            <v>423</v>
          </cell>
          <cell r="G188">
            <v>489</v>
          </cell>
          <cell r="H188">
            <v>539</v>
          </cell>
          <cell r="I188">
            <v>529</v>
          </cell>
          <cell r="J188">
            <v>453</v>
          </cell>
          <cell r="K188">
            <v>425</v>
          </cell>
          <cell r="L188">
            <v>602</v>
          </cell>
          <cell r="M188">
            <v>710</v>
          </cell>
          <cell r="N188">
            <v>883</v>
          </cell>
          <cell r="O188">
            <v>1053</v>
          </cell>
          <cell r="P188">
            <v>1049</v>
          </cell>
          <cell r="Q188">
            <v>983</v>
          </cell>
          <cell r="R188">
            <v>877</v>
          </cell>
          <cell r="S188">
            <v>958</v>
          </cell>
          <cell r="T188">
            <v>1279</v>
          </cell>
          <cell r="U188">
            <v>1017</v>
          </cell>
          <cell r="V188">
            <v>748</v>
          </cell>
          <cell r="W188">
            <v>412</v>
          </cell>
          <cell r="X188">
            <v>117</v>
          </cell>
          <cell r="Y188">
            <v>24</v>
          </cell>
        </row>
        <row r="193">
          <cell r="D193">
            <v>8333</v>
          </cell>
          <cell r="E193">
            <v>155</v>
          </cell>
          <cell r="F193">
            <v>214</v>
          </cell>
          <cell r="G193">
            <v>264</v>
          </cell>
          <cell r="H193">
            <v>374</v>
          </cell>
          <cell r="I193">
            <v>356</v>
          </cell>
          <cell r="J193">
            <v>303</v>
          </cell>
          <cell r="K193">
            <v>226</v>
          </cell>
          <cell r="L193">
            <v>320</v>
          </cell>
          <cell r="M193">
            <v>419</v>
          </cell>
          <cell r="N193">
            <v>603</v>
          </cell>
          <cell r="O193">
            <v>734</v>
          </cell>
          <cell r="P193">
            <v>623</v>
          </cell>
          <cell r="Q193">
            <v>523</v>
          </cell>
          <cell r="R193">
            <v>555</v>
          </cell>
          <cell r="S193">
            <v>730</v>
          </cell>
          <cell r="T193">
            <v>857</v>
          </cell>
          <cell r="U193">
            <v>574</v>
          </cell>
          <cell r="V193">
            <v>336</v>
          </cell>
          <cell r="W193">
            <v>112</v>
          </cell>
          <cell r="X193">
            <v>46</v>
          </cell>
          <cell r="Y193">
            <v>9</v>
          </cell>
        </row>
        <row r="194">
          <cell r="D194">
            <v>4181</v>
          </cell>
          <cell r="E194">
            <v>85</v>
          </cell>
          <cell r="F194">
            <v>111</v>
          </cell>
          <cell r="G194">
            <v>132</v>
          </cell>
          <cell r="H194">
            <v>176</v>
          </cell>
          <cell r="I194">
            <v>186</v>
          </cell>
          <cell r="J194">
            <v>185</v>
          </cell>
          <cell r="K194">
            <v>120</v>
          </cell>
          <cell r="L194">
            <v>164</v>
          </cell>
          <cell r="M194">
            <v>225</v>
          </cell>
          <cell r="N194">
            <v>339</v>
          </cell>
          <cell r="O194">
            <v>375</v>
          </cell>
          <cell r="P194">
            <v>341</v>
          </cell>
          <cell r="Q194">
            <v>262</v>
          </cell>
          <cell r="R194">
            <v>288</v>
          </cell>
          <cell r="S194">
            <v>333</v>
          </cell>
          <cell r="T194">
            <v>397</v>
          </cell>
          <cell r="U194">
            <v>264</v>
          </cell>
          <cell r="V194">
            <v>144</v>
          </cell>
          <cell r="W194">
            <v>41</v>
          </cell>
          <cell r="X194">
            <v>12</v>
          </cell>
          <cell r="Y194">
            <v>1</v>
          </cell>
        </row>
        <row r="195">
          <cell r="D195">
            <v>4152</v>
          </cell>
          <cell r="E195">
            <v>70</v>
          </cell>
          <cell r="F195">
            <v>103</v>
          </cell>
          <cell r="G195">
            <v>132</v>
          </cell>
          <cell r="H195">
            <v>198</v>
          </cell>
          <cell r="I195">
            <v>170</v>
          </cell>
          <cell r="J195">
            <v>118</v>
          </cell>
          <cell r="K195">
            <v>106</v>
          </cell>
          <cell r="L195">
            <v>156</v>
          </cell>
          <cell r="M195">
            <v>194</v>
          </cell>
          <cell r="N195">
            <v>264</v>
          </cell>
          <cell r="O195">
            <v>359</v>
          </cell>
          <cell r="P195">
            <v>282</v>
          </cell>
          <cell r="Q195">
            <v>261</v>
          </cell>
          <cell r="R195">
            <v>267</v>
          </cell>
          <cell r="S195">
            <v>397</v>
          </cell>
          <cell r="T195">
            <v>460</v>
          </cell>
          <cell r="U195">
            <v>310</v>
          </cell>
          <cell r="V195">
            <v>192</v>
          </cell>
          <cell r="W195">
            <v>71</v>
          </cell>
          <cell r="X195">
            <v>34</v>
          </cell>
          <cell r="Y195">
            <v>8</v>
          </cell>
        </row>
        <row r="196">
          <cell r="D196">
            <v>17032</v>
          </cell>
          <cell r="E196">
            <v>531</v>
          </cell>
          <cell r="F196">
            <v>648</v>
          </cell>
          <cell r="G196">
            <v>651</v>
          </cell>
          <cell r="H196">
            <v>841</v>
          </cell>
          <cell r="I196">
            <v>817</v>
          </cell>
          <cell r="J196">
            <v>809</v>
          </cell>
          <cell r="K196">
            <v>749</v>
          </cell>
          <cell r="L196">
            <v>813</v>
          </cell>
          <cell r="M196">
            <v>913</v>
          </cell>
          <cell r="N196">
            <v>1223</v>
          </cell>
          <cell r="O196">
            <v>1575</v>
          </cell>
          <cell r="P196">
            <v>1339</v>
          </cell>
          <cell r="Q196">
            <v>1112</v>
          </cell>
          <cell r="R196">
            <v>911</v>
          </cell>
          <cell r="S196">
            <v>1073</v>
          </cell>
          <cell r="T196">
            <v>1274</v>
          </cell>
          <cell r="U196">
            <v>908</v>
          </cell>
          <cell r="V196">
            <v>520</v>
          </cell>
          <cell r="W196">
            <v>255</v>
          </cell>
          <cell r="X196">
            <v>62</v>
          </cell>
          <cell r="Y196">
            <v>8</v>
          </cell>
        </row>
        <row r="197">
          <cell r="D197">
            <v>8388</v>
          </cell>
          <cell r="E197">
            <v>256</v>
          </cell>
          <cell r="F197">
            <v>337</v>
          </cell>
          <cell r="G197">
            <v>322</v>
          </cell>
          <cell r="H197">
            <v>416</v>
          </cell>
          <cell r="I197">
            <v>415</v>
          </cell>
          <cell r="J197">
            <v>427</v>
          </cell>
          <cell r="K197">
            <v>396</v>
          </cell>
          <cell r="L197">
            <v>422</v>
          </cell>
          <cell r="M197">
            <v>483</v>
          </cell>
          <cell r="N197">
            <v>635</v>
          </cell>
          <cell r="O197">
            <v>803</v>
          </cell>
          <cell r="P197">
            <v>693</v>
          </cell>
          <cell r="Q197">
            <v>559</v>
          </cell>
          <cell r="R197">
            <v>475</v>
          </cell>
          <cell r="S197">
            <v>503</v>
          </cell>
          <cell r="T197">
            <v>566</v>
          </cell>
          <cell r="U197">
            <v>387</v>
          </cell>
          <cell r="V197">
            <v>204</v>
          </cell>
          <cell r="W197">
            <v>80</v>
          </cell>
          <cell r="X197">
            <v>9</v>
          </cell>
          <cell r="Y197">
            <v>0</v>
          </cell>
        </row>
        <row r="198">
          <cell r="D198">
            <v>8644</v>
          </cell>
          <cell r="E198">
            <v>275</v>
          </cell>
          <cell r="F198">
            <v>311</v>
          </cell>
          <cell r="G198">
            <v>329</v>
          </cell>
          <cell r="H198">
            <v>425</v>
          </cell>
          <cell r="I198">
            <v>402</v>
          </cell>
          <cell r="J198">
            <v>382</v>
          </cell>
          <cell r="K198">
            <v>353</v>
          </cell>
          <cell r="L198">
            <v>391</v>
          </cell>
          <cell r="M198">
            <v>430</v>
          </cell>
          <cell r="N198">
            <v>588</v>
          </cell>
          <cell r="O198">
            <v>772</v>
          </cell>
          <cell r="P198">
            <v>646</v>
          </cell>
          <cell r="Q198">
            <v>553</v>
          </cell>
          <cell r="R198">
            <v>436</v>
          </cell>
          <cell r="S198">
            <v>570</v>
          </cell>
          <cell r="T198">
            <v>708</v>
          </cell>
          <cell r="U198">
            <v>521</v>
          </cell>
          <cell r="V198">
            <v>316</v>
          </cell>
          <cell r="W198">
            <v>175</v>
          </cell>
          <cell r="X198">
            <v>53</v>
          </cell>
          <cell r="Y198">
            <v>8</v>
          </cell>
        </row>
        <row r="199">
          <cell r="D199">
            <v>10186</v>
          </cell>
          <cell r="E199">
            <v>245</v>
          </cell>
          <cell r="F199">
            <v>333</v>
          </cell>
          <cell r="G199">
            <v>341</v>
          </cell>
          <cell r="H199">
            <v>357</v>
          </cell>
          <cell r="I199">
            <v>423</v>
          </cell>
          <cell r="J199">
            <v>402</v>
          </cell>
          <cell r="K199">
            <v>410</v>
          </cell>
          <cell r="L199">
            <v>489</v>
          </cell>
          <cell r="M199">
            <v>531</v>
          </cell>
          <cell r="N199">
            <v>625</v>
          </cell>
          <cell r="O199">
            <v>765</v>
          </cell>
          <cell r="P199">
            <v>789</v>
          </cell>
          <cell r="Q199">
            <v>759</v>
          </cell>
          <cell r="R199">
            <v>681</v>
          </cell>
          <cell r="S199">
            <v>776</v>
          </cell>
          <cell r="T199">
            <v>864</v>
          </cell>
          <cell r="U199">
            <v>656</v>
          </cell>
          <cell r="V199">
            <v>439</v>
          </cell>
          <cell r="W199">
            <v>220</v>
          </cell>
          <cell r="X199">
            <v>68</v>
          </cell>
          <cell r="Y199">
            <v>13</v>
          </cell>
        </row>
        <row r="200">
          <cell r="D200">
            <v>5040</v>
          </cell>
          <cell r="E200">
            <v>117</v>
          </cell>
          <cell r="F200">
            <v>183</v>
          </cell>
          <cell r="G200">
            <v>181</v>
          </cell>
          <cell r="H200">
            <v>185</v>
          </cell>
          <cell r="I200">
            <v>216</v>
          </cell>
          <cell r="J200">
            <v>208</v>
          </cell>
          <cell r="K200">
            <v>220</v>
          </cell>
          <cell r="L200">
            <v>259</v>
          </cell>
          <cell r="M200">
            <v>271</v>
          </cell>
          <cell r="N200">
            <v>339</v>
          </cell>
          <cell r="O200">
            <v>412</v>
          </cell>
          <cell r="P200">
            <v>410</v>
          </cell>
          <cell r="Q200">
            <v>405</v>
          </cell>
          <cell r="R200">
            <v>328</v>
          </cell>
          <cell r="S200">
            <v>394</v>
          </cell>
          <cell r="T200">
            <v>399</v>
          </cell>
          <cell r="U200">
            <v>270</v>
          </cell>
          <cell r="V200">
            <v>173</v>
          </cell>
          <cell r="W200">
            <v>58</v>
          </cell>
          <cell r="X200">
            <v>11</v>
          </cell>
          <cell r="Y200">
            <v>1</v>
          </cell>
        </row>
        <row r="201">
          <cell r="D201">
            <v>5146</v>
          </cell>
          <cell r="E201">
            <v>128</v>
          </cell>
          <cell r="F201">
            <v>150</v>
          </cell>
          <cell r="G201">
            <v>160</v>
          </cell>
          <cell r="H201">
            <v>172</v>
          </cell>
          <cell r="I201">
            <v>207</v>
          </cell>
          <cell r="J201">
            <v>194</v>
          </cell>
          <cell r="K201">
            <v>190</v>
          </cell>
          <cell r="L201">
            <v>230</v>
          </cell>
          <cell r="M201">
            <v>260</v>
          </cell>
          <cell r="N201">
            <v>286</v>
          </cell>
          <cell r="O201">
            <v>353</v>
          </cell>
          <cell r="P201">
            <v>379</v>
          </cell>
          <cell r="Q201">
            <v>354</v>
          </cell>
          <cell r="R201">
            <v>353</v>
          </cell>
          <cell r="S201">
            <v>382</v>
          </cell>
          <cell r="T201">
            <v>465</v>
          </cell>
          <cell r="U201">
            <v>386</v>
          </cell>
          <cell r="V201">
            <v>266</v>
          </cell>
          <cell r="W201">
            <v>162</v>
          </cell>
          <cell r="X201">
            <v>57</v>
          </cell>
          <cell r="Y201">
            <v>12</v>
          </cell>
        </row>
        <row r="202">
          <cell r="D202">
            <v>8954</v>
          </cell>
          <cell r="E202">
            <v>127</v>
          </cell>
          <cell r="F202">
            <v>215</v>
          </cell>
          <cell r="G202">
            <v>323</v>
          </cell>
          <cell r="H202">
            <v>318</v>
          </cell>
          <cell r="I202">
            <v>308</v>
          </cell>
          <cell r="J202">
            <v>267</v>
          </cell>
          <cell r="K202">
            <v>276</v>
          </cell>
          <cell r="L202">
            <v>356</v>
          </cell>
          <cell r="M202">
            <v>415</v>
          </cell>
          <cell r="N202">
            <v>522</v>
          </cell>
          <cell r="O202">
            <v>588</v>
          </cell>
          <cell r="P202">
            <v>628</v>
          </cell>
          <cell r="Q202">
            <v>655</v>
          </cell>
          <cell r="R202">
            <v>761</v>
          </cell>
          <cell r="S202">
            <v>854</v>
          </cell>
          <cell r="T202">
            <v>1013</v>
          </cell>
          <cell r="U202">
            <v>579</v>
          </cell>
          <cell r="V202">
            <v>427</v>
          </cell>
          <cell r="W202">
            <v>246</v>
          </cell>
          <cell r="X202">
            <v>70</v>
          </cell>
          <cell r="Y202">
            <v>6</v>
          </cell>
        </row>
        <row r="203">
          <cell r="D203">
            <v>4403</v>
          </cell>
          <cell r="E203">
            <v>67</v>
          </cell>
          <cell r="F203">
            <v>110</v>
          </cell>
          <cell r="G203">
            <v>152</v>
          </cell>
          <cell r="H203">
            <v>163</v>
          </cell>
          <cell r="I203">
            <v>175</v>
          </cell>
          <cell r="J203">
            <v>143</v>
          </cell>
          <cell r="K203">
            <v>152</v>
          </cell>
          <cell r="L203">
            <v>190</v>
          </cell>
          <cell r="M203">
            <v>231</v>
          </cell>
          <cell r="N203">
            <v>287</v>
          </cell>
          <cell r="O203">
            <v>292</v>
          </cell>
          <cell r="P203">
            <v>320</v>
          </cell>
          <cell r="Q203">
            <v>345</v>
          </cell>
          <cell r="R203">
            <v>395</v>
          </cell>
          <cell r="S203">
            <v>414</v>
          </cell>
          <cell r="T203">
            <v>476</v>
          </cell>
          <cell r="U203">
            <v>261</v>
          </cell>
          <cell r="V203">
            <v>149</v>
          </cell>
          <cell r="W203">
            <v>68</v>
          </cell>
          <cell r="X203">
            <v>11</v>
          </cell>
          <cell r="Y203">
            <v>2</v>
          </cell>
        </row>
        <row r="204">
          <cell r="D204">
            <v>4551</v>
          </cell>
          <cell r="E204">
            <v>60</v>
          </cell>
          <cell r="F204">
            <v>105</v>
          </cell>
          <cell r="G204">
            <v>171</v>
          </cell>
          <cell r="H204">
            <v>155</v>
          </cell>
          <cell r="I204">
            <v>133</v>
          </cell>
          <cell r="J204">
            <v>124</v>
          </cell>
          <cell r="K204">
            <v>124</v>
          </cell>
          <cell r="L204">
            <v>166</v>
          </cell>
          <cell r="M204">
            <v>184</v>
          </cell>
          <cell r="N204">
            <v>235</v>
          </cell>
          <cell r="O204">
            <v>296</v>
          </cell>
          <cell r="P204">
            <v>308</v>
          </cell>
          <cell r="Q204">
            <v>310</v>
          </cell>
          <cell r="R204">
            <v>366</v>
          </cell>
          <cell r="S204">
            <v>440</v>
          </cell>
          <cell r="T204">
            <v>537</v>
          </cell>
          <cell r="U204">
            <v>318</v>
          </cell>
          <cell r="V204">
            <v>278</v>
          </cell>
          <cell r="W204">
            <v>178</v>
          </cell>
          <cell r="X204">
            <v>59</v>
          </cell>
          <cell r="Y204">
            <v>4</v>
          </cell>
        </row>
        <row r="205">
          <cell r="D205">
            <v>18294</v>
          </cell>
          <cell r="E205">
            <v>693</v>
          </cell>
          <cell r="F205">
            <v>873</v>
          </cell>
          <cell r="G205">
            <v>972</v>
          </cell>
          <cell r="H205">
            <v>921</v>
          </cell>
          <cell r="I205">
            <v>831</v>
          </cell>
          <cell r="J205">
            <v>737</v>
          </cell>
          <cell r="K205">
            <v>895</v>
          </cell>
          <cell r="L205">
            <v>988</v>
          </cell>
          <cell r="M205">
            <v>1293</v>
          </cell>
          <cell r="N205">
            <v>1336</v>
          </cell>
          <cell r="O205">
            <v>1614</v>
          </cell>
          <cell r="P205">
            <v>1329</v>
          </cell>
          <cell r="Q205">
            <v>1099</v>
          </cell>
          <cell r="R205">
            <v>888</v>
          </cell>
          <cell r="S205">
            <v>981</v>
          </cell>
          <cell r="T205">
            <v>1097</v>
          </cell>
          <cell r="U205">
            <v>855</v>
          </cell>
          <cell r="V205">
            <v>535</v>
          </cell>
          <cell r="W205">
            <v>266</v>
          </cell>
          <cell r="X205">
            <v>73</v>
          </cell>
          <cell r="Y205">
            <v>18</v>
          </cell>
        </row>
        <row r="206">
          <cell r="D206">
            <v>8893</v>
          </cell>
          <cell r="E206">
            <v>337</v>
          </cell>
          <cell r="F206">
            <v>425</v>
          </cell>
          <cell r="G206">
            <v>497</v>
          </cell>
          <cell r="H206">
            <v>467</v>
          </cell>
          <cell r="I206">
            <v>408</v>
          </cell>
          <cell r="J206">
            <v>380</v>
          </cell>
          <cell r="K206">
            <v>444</v>
          </cell>
          <cell r="L206">
            <v>504</v>
          </cell>
          <cell r="M206">
            <v>646</v>
          </cell>
          <cell r="N206">
            <v>667</v>
          </cell>
          <cell r="O206">
            <v>836</v>
          </cell>
          <cell r="P206">
            <v>684</v>
          </cell>
          <cell r="Q206">
            <v>548</v>
          </cell>
          <cell r="R206">
            <v>448</v>
          </cell>
          <cell r="S206">
            <v>446</v>
          </cell>
          <cell r="T206">
            <v>489</v>
          </cell>
          <cell r="U206">
            <v>354</v>
          </cell>
          <cell r="V206">
            <v>226</v>
          </cell>
          <cell r="W206">
            <v>72</v>
          </cell>
          <cell r="X206">
            <v>12</v>
          </cell>
          <cell r="Y206">
            <v>3</v>
          </cell>
        </row>
        <row r="207">
          <cell r="D207">
            <v>9401</v>
          </cell>
          <cell r="E207">
            <v>356</v>
          </cell>
          <cell r="F207">
            <v>448</v>
          </cell>
          <cell r="G207">
            <v>475</v>
          </cell>
          <cell r="H207">
            <v>454</v>
          </cell>
          <cell r="I207">
            <v>423</v>
          </cell>
          <cell r="J207">
            <v>357</v>
          </cell>
          <cell r="K207">
            <v>451</v>
          </cell>
          <cell r="L207">
            <v>484</v>
          </cell>
          <cell r="M207">
            <v>647</v>
          </cell>
          <cell r="N207">
            <v>669</v>
          </cell>
          <cell r="O207">
            <v>778</v>
          </cell>
          <cell r="P207">
            <v>645</v>
          </cell>
          <cell r="Q207">
            <v>551</v>
          </cell>
          <cell r="R207">
            <v>440</v>
          </cell>
          <cell r="S207">
            <v>535</v>
          </cell>
          <cell r="T207">
            <v>608</v>
          </cell>
          <cell r="U207">
            <v>501</v>
          </cell>
          <cell r="V207">
            <v>309</v>
          </cell>
          <cell r="W207">
            <v>194</v>
          </cell>
          <cell r="X207">
            <v>61</v>
          </cell>
          <cell r="Y207">
            <v>15</v>
          </cell>
        </row>
        <row r="212">
          <cell r="D212">
            <v>9332</v>
          </cell>
          <cell r="E212">
            <v>97</v>
          </cell>
          <cell r="F212">
            <v>171</v>
          </cell>
          <cell r="G212">
            <v>219</v>
          </cell>
          <cell r="H212">
            <v>308</v>
          </cell>
          <cell r="I212">
            <v>637</v>
          </cell>
          <cell r="J212">
            <v>408</v>
          </cell>
          <cell r="K212">
            <v>322</v>
          </cell>
          <cell r="L212">
            <v>349</v>
          </cell>
          <cell r="M212">
            <v>377</v>
          </cell>
          <cell r="N212">
            <v>463</v>
          </cell>
          <cell r="O212">
            <v>650</v>
          </cell>
          <cell r="P212">
            <v>653</v>
          </cell>
          <cell r="Q212">
            <v>701</v>
          </cell>
          <cell r="R212">
            <v>704</v>
          </cell>
          <cell r="S212">
            <v>810</v>
          </cell>
          <cell r="T212">
            <v>1006</v>
          </cell>
          <cell r="U212">
            <v>699</v>
          </cell>
          <cell r="V212">
            <v>442</v>
          </cell>
          <cell r="W212">
            <v>234</v>
          </cell>
          <cell r="X212">
            <v>66</v>
          </cell>
          <cell r="Y212">
            <v>16</v>
          </cell>
        </row>
        <row r="213">
          <cell r="D213">
            <v>4549</v>
          </cell>
          <cell r="E213">
            <v>56</v>
          </cell>
          <cell r="F213">
            <v>89</v>
          </cell>
          <cell r="G213">
            <v>108</v>
          </cell>
          <cell r="H213">
            <v>152</v>
          </cell>
          <cell r="I213">
            <v>295</v>
          </cell>
          <cell r="J213">
            <v>226</v>
          </cell>
          <cell r="K213">
            <v>180</v>
          </cell>
          <cell r="L213">
            <v>189</v>
          </cell>
          <cell r="M213">
            <v>227</v>
          </cell>
          <cell r="N213">
            <v>246</v>
          </cell>
          <cell r="O213">
            <v>336</v>
          </cell>
          <cell r="P213">
            <v>346</v>
          </cell>
          <cell r="Q213">
            <v>363</v>
          </cell>
          <cell r="R213">
            <v>352</v>
          </cell>
          <cell r="S213">
            <v>405</v>
          </cell>
          <cell r="T213">
            <v>453</v>
          </cell>
          <cell r="U213">
            <v>297</v>
          </cell>
          <cell r="V213">
            <v>158</v>
          </cell>
          <cell r="W213">
            <v>60</v>
          </cell>
          <cell r="X213">
            <v>10</v>
          </cell>
          <cell r="Y213">
            <v>1</v>
          </cell>
        </row>
        <row r="214">
          <cell r="D214">
            <v>4783</v>
          </cell>
          <cell r="E214">
            <v>41</v>
          </cell>
          <cell r="F214">
            <v>82</v>
          </cell>
          <cell r="G214">
            <v>111</v>
          </cell>
          <cell r="H214">
            <v>156</v>
          </cell>
          <cell r="I214">
            <v>342</v>
          </cell>
          <cell r="J214">
            <v>182</v>
          </cell>
          <cell r="K214">
            <v>142</v>
          </cell>
          <cell r="L214">
            <v>160</v>
          </cell>
          <cell r="M214">
            <v>150</v>
          </cell>
          <cell r="N214">
            <v>217</v>
          </cell>
          <cell r="O214">
            <v>314</v>
          </cell>
          <cell r="P214">
            <v>307</v>
          </cell>
          <cell r="Q214">
            <v>338</v>
          </cell>
          <cell r="R214">
            <v>352</v>
          </cell>
          <cell r="S214">
            <v>405</v>
          </cell>
          <cell r="T214">
            <v>553</v>
          </cell>
          <cell r="U214">
            <v>402</v>
          </cell>
          <cell r="V214">
            <v>284</v>
          </cell>
          <cell r="W214">
            <v>174</v>
          </cell>
          <cell r="X214">
            <v>56</v>
          </cell>
          <cell r="Y214">
            <v>15</v>
          </cell>
        </row>
        <row r="215">
          <cell r="D215">
            <v>6286</v>
          </cell>
          <cell r="E215">
            <v>75</v>
          </cell>
          <cell r="F215">
            <v>129</v>
          </cell>
          <cell r="G215">
            <v>175</v>
          </cell>
          <cell r="H215">
            <v>174</v>
          </cell>
          <cell r="I215">
            <v>165</v>
          </cell>
          <cell r="J215">
            <v>144</v>
          </cell>
          <cell r="K215">
            <v>184</v>
          </cell>
          <cell r="L215">
            <v>222</v>
          </cell>
          <cell r="M215">
            <v>266</v>
          </cell>
          <cell r="N215">
            <v>301</v>
          </cell>
          <cell r="O215">
            <v>448</v>
          </cell>
          <cell r="P215">
            <v>511</v>
          </cell>
          <cell r="Q215">
            <v>578</v>
          </cell>
          <cell r="R215">
            <v>542</v>
          </cell>
          <cell r="S215">
            <v>586</v>
          </cell>
          <cell r="T215">
            <v>700</v>
          </cell>
          <cell r="U215">
            <v>534</v>
          </cell>
          <cell r="V215">
            <v>329</v>
          </cell>
          <cell r="W215">
            <v>161</v>
          </cell>
          <cell r="X215">
            <v>49</v>
          </cell>
          <cell r="Y215">
            <v>13</v>
          </cell>
        </row>
        <row r="216">
          <cell r="D216">
            <v>2937</v>
          </cell>
          <cell r="E216">
            <v>38</v>
          </cell>
          <cell r="F216">
            <v>53</v>
          </cell>
          <cell r="G216">
            <v>93</v>
          </cell>
          <cell r="H216">
            <v>81</v>
          </cell>
          <cell r="I216">
            <v>81</v>
          </cell>
          <cell r="J216">
            <v>62</v>
          </cell>
          <cell r="K216">
            <v>104</v>
          </cell>
          <cell r="L216">
            <v>108</v>
          </cell>
          <cell r="M216">
            <v>148</v>
          </cell>
          <cell r="N216">
            <v>142</v>
          </cell>
          <cell r="O216">
            <v>233</v>
          </cell>
          <cell r="P216">
            <v>250</v>
          </cell>
          <cell r="Q216">
            <v>279</v>
          </cell>
          <cell r="R216">
            <v>270</v>
          </cell>
          <cell r="S216">
            <v>295</v>
          </cell>
          <cell r="T216">
            <v>311</v>
          </cell>
          <cell r="U216">
            <v>218</v>
          </cell>
          <cell r="V216">
            <v>111</v>
          </cell>
          <cell r="W216">
            <v>46</v>
          </cell>
          <cell r="X216">
            <v>10</v>
          </cell>
          <cell r="Y216">
            <v>4</v>
          </cell>
        </row>
        <row r="217">
          <cell r="D217">
            <v>3349</v>
          </cell>
          <cell r="E217">
            <v>37</v>
          </cell>
          <cell r="F217">
            <v>76</v>
          </cell>
          <cell r="G217">
            <v>82</v>
          </cell>
          <cell r="H217">
            <v>93</v>
          </cell>
          <cell r="I217">
            <v>84</v>
          </cell>
          <cell r="J217">
            <v>82</v>
          </cell>
          <cell r="K217">
            <v>80</v>
          </cell>
          <cell r="L217">
            <v>114</v>
          </cell>
          <cell r="M217">
            <v>118</v>
          </cell>
          <cell r="N217">
            <v>159</v>
          </cell>
          <cell r="O217">
            <v>215</v>
          </cell>
          <cell r="P217">
            <v>261</v>
          </cell>
          <cell r="Q217">
            <v>299</v>
          </cell>
          <cell r="R217">
            <v>272</v>
          </cell>
          <cell r="S217">
            <v>291</v>
          </cell>
          <cell r="T217">
            <v>389</v>
          </cell>
          <cell r="U217">
            <v>316</v>
          </cell>
          <cell r="V217">
            <v>218</v>
          </cell>
          <cell r="W217">
            <v>115</v>
          </cell>
          <cell r="X217">
            <v>39</v>
          </cell>
          <cell r="Y217">
            <v>9</v>
          </cell>
        </row>
        <row r="218">
          <cell r="D218">
            <v>22067</v>
          </cell>
          <cell r="E218">
            <v>309</v>
          </cell>
          <cell r="F218">
            <v>412</v>
          </cell>
          <cell r="G218">
            <v>617</v>
          </cell>
          <cell r="H218">
            <v>755</v>
          </cell>
          <cell r="I218">
            <v>769</v>
          </cell>
          <cell r="J218">
            <v>707</v>
          </cell>
          <cell r="K218">
            <v>669</v>
          </cell>
          <cell r="L218">
            <v>684</v>
          </cell>
          <cell r="M218">
            <v>832</v>
          </cell>
          <cell r="N218">
            <v>1189</v>
          </cell>
          <cell r="O218">
            <v>1678</v>
          </cell>
          <cell r="P218">
            <v>1757</v>
          </cell>
          <cell r="Q218">
            <v>1775</v>
          </cell>
          <cell r="R218">
            <v>1671</v>
          </cell>
          <cell r="S218">
            <v>1990</v>
          </cell>
          <cell r="T218">
            <v>2355</v>
          </cell>
          <cell r="U218">
            <v>1904</v>
          </cell>
          <cell r="V218">
            <v>1206</v>
          </cell>
          <cell r="W218">
            <v>604</v>
          </cell>
          <cell r="X218">
            <v>161</v>
          </cell>
          <cell r="Y218">
            <v>23</v>
          </cell>
        </row>
        <row r="219">
          <cell r="D219">
            <v>10440</v>
          </cell>
          <cell r="E219">
            <v>157</v>
          </cell>
          <cell r="F219">
            <v>222</v>
          </cell>
          <cell r="G219">
            <v>338</v>
          </cell>
          <cell r="H219">
            <v>400</v>
          </cell>
          <cell r="I219">
            <v>405</v>
          </cell>
          <cell r="J219">
            <v>366</v>
          </cell>
          <cell r="K219">
            <v>340</v>
          </cell>
          <cell r="L219">
            <v>364</v>
          </cell>
          <cell r="M219">
            <v>407</v>
          </cell>
          <cell r="N219">
            <v>605</v>
          </cell>
          <cell r="O219">
            <v>881</v>
          </cell>
          <cell r="P219">
            <v>879</v>
          </cell>
          <cell r="Q219">
            <v>929</v>
          </cell>
          <cell r="R219">
            <v>829</v>
          </cell>
          <cell r="S219">
            <v>913</v>
          </cell>
          <cell r="T219">
            <v>1016</v>
          </cell>
          <cell r="U219">
            <v>770</v>
          </cell>
          <cell r="V219">
            <v>424</v>
          </cell>
          <cell r="W219">
            <v>160</v>
          </cell>
          <cell r="X219">
            <v>32</v>
          </cell>
          <cell r="Y219">
            <v>3</v>
          </cell>
        </row>
        <row r="220">
          <cell r="D220">
            <v>11627</v>
          </cell>
          <cell r="E220">
            <v>152</v>
          </cell>
          <cell r="F220">
            <v>190</v>
          </cell>
          <cell r="G220">
            <v>279</v>
          </cell>
          <cell r="H220">
            <v>355</v>
          </cell>
          <cell r="I220">
            <v>364</v>
          </cell>
          <cell r="J220">
            <v>341</v>
          </cell>
          <cell r="K220">
            <v>329</v>
          </cell>
          <cell r="L220">
            <v>320</v>
          </cell>
          <cell r="M220">
            <v>425</v>
          </cell>
          <cell r="N220">
            <v>584</v>
          </cell>
          <cell r="O220">
            <v>797</v>
          </cell>
          <cell r="P220">
            <v>878</v>
          </cell>
          <cell r="Q220">
            <v>846</v>
          </cell>
          <cell r="R220">
            <v>842</v>
          </cell>
          <cell r="S220">
            <v>1077</v>
          </cell>
          <cell r="T220">
            <v>1339</v>
          </cell>
          <cell r="U220">
            <v>1134</v>
          </cell>
          <cell r="V220">
            <v>782</v>
          </cell>
          <cell r="W220">
            <v>444</v>
          </cell>
          <cell r="X220">
            <v>129</v>
          </cell>
          <cell r="Y220">
            <v>20</v>
          </cell>
        </row>
        <row r="225">
          <cell r="D225">
            <v>35243</v>
          </cell>
          <cell r="E225">
            <v>722</v>
          </cell>
          <cell r="F225">
            <v>1056</v>
          </cell>
          <cell r="G225">
            <v>1286</v>
          </cell>
          <cell r="H225">
            <v>1568</v>
          </cell>
          <cell r="I225">
            <v>1575</v>
          </cell>
          <cell r="J225">
            <v>1457</v>
          </cell>
          <cell r="K225">
            <v>1461</v>
          </cell>
          <cell r="L225">
            <v>1506</v>
          </cell>
          <cell r="M225">
            <v>1903</v>
          </cell>
          <cell r="N225">
            <v>2328</v>
          </cell>
          <cell r="O225">
            <v>3100</v>
          </cell>
          <cell r="P225">
            <v>2776</v>
          </cell>
          <cell r="Q225">
            <v>2347</v>
          </cell>
          <cell r="R225">
            <v>2312</v>
          </cell>
          <cell r="S225">
            <v>2789</v>
          </cell>
          <cell r="T225">
            <v>3195</v>
          </cell>
          <cell r="U225">
            <v>2059</v>
          </cell>
          <cell r="V225">
            <v>1216</v>
          </cell>
          <cell r="W225">
            <v>446</v>
          </cell>
          <cell r="X225">
            <v>119</v>
          </cell>
          <cell r="Y225">
            <v>22</v>
          </cell>
        </row>
        <row r="226">
          <cell r="D226">
            <v>18338</v>
          </cell>
          <cell r="E226">
            <v>380</v>
          </cell>
          <cell r="F226">
            <v>538</v>
          </cell>
          <cell r="G226">
            <v>682</v>
          </cell>
          <cell r="H226">
            <v>809</v>
          </cell>
          <cell r="I226">
            <v>892</v>
          </cell>
          <cell r="J226">
            <v>823</v>
          </cell>
          <cell r="K226">
            <v>816</v>
          </cell>
          <cell r="L226">
            <v>852</v>
          </cell>
          <cell r="M226">
            <v>1046</v>
          </cell>
          <cell r="N226">
            <v>1263</v>
          </cell>
          <cell r="O226">
            <v>1735</v>
          </cell>
          <cell r="P226">
            <v>1553</v>
          </cell>
          <cell r="Q226">
            <v>1237</v>
          </cell>
          <cell r="R226">
            <v>1199</v>
          </cell>
          <cell r="S226">
            <v>1388</v>
          </cell>
          <cell r="T226">
            <v>1523</v>
          </cell>
          <cell r="U226">
            <v>914</v>
          </cell>
          <cell r="V226">
            <v>502</v>
          </cell>
          <cell r="W226">
            <v>164</v>
          </cell>
          <cell r="X226">
            <v>22</v>
          </cell>
          <cell r="Y226">
            <v>0</v>
          </cell>
        </row>
        <row r="227">
          <cell r="D227">
            <v>16905</v>
          </cell>
          <cell r="E227">
            <v>342</v>
          </cell>
          <cell r="F227">
            <v>518</v>
          </cell>
          <cell r="G227">
            <v>604</v>
          </cell>
          <cell r="H227">
            <v>759</v>
          </cell>
          <cell r="I227">
            <v>683</v>
          </cell>
          <cell r="J227">
            <v>634</v>
          </cell>
          <cell r="K227">
            <v>645</v>
          </cell>
          <cell r="L227">
            <v>654</v>
          </cell>
          <cell r="M227">
            <v>857</v>
          </cell>
          <cell r="N227">
            <v>1065</v>
          </cell>
          <cell r="O227">
            <v>1365</v>
          </cell>
          <cell r="P227">
            <v>1223</v>
          </cell>
          <cell r="Q227">
            <v>1110</v>
          </cell>
          <cell r="R227">
            <v>1113</v>
          </cell>
          <cell r="S227">
            <v>1401</v>
          </cell>
          <cell r="T227">
            <v>1672</v>
          </cell>
          <cell r="U227">
            <v>1145</v>
          </cell>
          <cell r="V227">
            <v>714</v>
          </cell>
          <cell r="W227">
            <v>282</v>
          </cell>
          <cell r="X227">
            <v>97</v>
          </cell>
          <cell r="Y227">
            <v>22</v>
          </cell>
        </row>
        <row r="228">
          <cell r="D228">
            <v>2549</v>
          </cell>
          <cell r="E228">
            <v>35</v>
          </cell>
          <cell r="F228">
            <v>78</v>
          </cell>
          <cell r="G228">
            <v>83</v>
          </cell>
          <cell r="H228">
            <v>109</v>
          </cell>
          <cell r="I228">
            <v>86</v>
          </cell>
          <cell r="J228">
            <v>61</v>
          </cell>
          <cell r="K228">
            <v>67</v>
          </cell>
          <cell r="L228">
            <v>94</v>
          </cell>
          <cell r="M228">
            <v>136</v>
          </cell>
          <cell r="N228">
            <v>182</v>
          </cell>
          <cell r="O228">
            <v>216</v>
          </cell>
          <cell r="P228">
            <v>173</v>
          </cell>
          <cell r="Q228">
            <v>176</v>
          </cell>
          <cell r="R228">
            <v>207</v>
          </cell>
          <cell r="S228">
            <v>265</v>
          </cell>
          <cell r="T228">
            <v>266</v>
          </cell>
          <cell r="U228">
            <v>150</v>
          </cell>
          <cell r="V228">
            <v>102</v>
          </cell>
          <cell r="W228">
            <v>44</v>
          </cell>
          <cell r="X228">
            <v>17</v>
          </cell>
          <cell r="Y228">
            <v>2</v>
          </cell>
        </row>
        <row r="229">
          <cell r="D229">
            <v>1302</v>
          </cell>
          <cell r="E229">
            <v>15</v>
          </cell>
          <cell r="F229">
            <v>40</v>
          </cell>
          <cell r="G229">
            <v>41</v>
          </cell>
          <cell r="H229">
            <v>52</v>
          </cell>
          <cell r="I229">
            <v>48</v>
          </cell>
          <cell r="J229">
            <v>40</v>
          </cell>
          <cell r="K229">
            <v>38</v>
          </cell>
          <cell r="L229">
            <v>50</v>
          </cell>
          <cell r="M229">
            <v>75</v>
          </cell>
          <cell r="N229">
            <v>93</v>
          </cell>
          <cell r="O229">
            <v>122</v>
          </cell>
          <cell r="P229">
            <v>102</v>
          </cell>
          <cell r="Q229">
            <v>84</v>
          </cell>
          <cell r="R229">
            <v>105</v>
          </cell>
          <cell r="S229">
            <v>140</v>
          </cell>
          <cell r="T229">
            <v>131</v>
          </cell>
          <cell r="U229">
            <v>71</v>
          </cell>
          <cell r="V229">
            <v>36</v>
          </cell>
          <cell r="W229">
            <v>11</v>
          </cell>
          <cell r="X229">
            <v>8</v>
          </cell>
          <cell r="Y229">
            <v>0</v>
          </cell>
        </row>
        <row r="230">
          <cell r="D230">
            <v>1247</v>
          </cell>
          <cell r="E230">
            <v>20</v>
          </cell>
          <cell r="F230">
            <v>38</v>
          </cell>
          <cell r="G230">
            <v>42</v>
          </cell>
          <cell r="H230">
            <v>57</v>
          </cell>
          <cell r="I230">
            <v>38</v>
          </cell>
          <cell r="J230">
            <v>21</v>
          </cell>
          <cell r="K230">
            <v>29</v>
          </cell>
          <cell r="L230">
            <v>44</v>
          </cell>
          <cell r="M230">
            <v>61</v>
          </cell>
          <cell r="N230">
            <v>89</v>
          </cell>
          <cell r="O230">
            <v>94</v>
          </cell>
          <cell r="P230">
            <v>71</v>
          </cell>
          <cell r="Q230">
            <v>92</v>
          </cell>
          <cell r="R230">
            <v>102</v>
          </cell>
          <cell r="S230">
            <v>125</v>
          </cell>
          <cell r="T230">
            <v>135</v>
          </cell>
          <cell r="U230">
            <v>79</v>
          </cell>
          <cell r="V230">
            <v>66</v>
          </cell>
          <cell r="W230">
            <v>33</v>
          </cell>
          <cell r="X230">
            <v>9</v>
          </cell>
          <cell r="Y230">
            <v>2</v>
          </cell>
        </row>
      </sheetData>
      <sheetData sheetId="4">
        <row r="6">
          <cell r="D6">
            <v>309815</v>
          </cell>
          <cell r="E6">
            <v>10079</v>
          </cell>
          <cell r="F6">
            <v>10023</v>
          </cell>
          <cell r="G6">
            <v>9537</v>
          </cell>
          <cell r="H6">
            <v>10040</v>
          </cell>
          <cell r="I6">
            <v>36356</v>
          </cell>
          <cell r="J6">
            <v>48637</v>
          </cell>
          <cell r="K6">
            <v>42298</v>
          </cell>
          <cell r="L6">
            <v>33846</v>
          </cell>
          <cell r="M6">
            <v>26419</v>
          </cell>
          <cell r="N6">
            <v>20568</v>
          </cell>
          <cell r="O6">
            <v>17012</v>
          </cell>
          <cell r="P6">
            <v>15493</v>
          </cell>
          <cell r="Q6">
            <v>11654</v>
          </cell>
          <cell r="R6">
            <v>7219</v>
          </cell>
          <cell r="S6">
            <v>4653</v>
          </cell>
          <cell r="T6">
            <v>2843</v>
          </cell>
          <cell r="U6">
            <v>1709</v>
          </cell>
          <cell r="V6">
            <v>909</v>
          </cell>
          <cell r="W6">
            <v>380</v>
          </cell>
          <cell r="X6">
            <v>112</v>
          </cell>
          <cell r="Y6">
            <v>17</v>
          </cell>
        </row>
        <row r="7">
          <cell r="D7">
            <v>158757</v>
          </cell>
          <cell r="E7">
            <v>5183</v>
          </cell>
          <cell r="F7">
            <v>5296</v>
          </cell>
          <cell r="G7">
            <v>4888</v>
          </cell>
          <cell r="H7">
            <v>5250</v>
          </cell>
          <cell r="I7">
            <v>20758</v>
          </cell>
          <cell r="J7">
            <v>27144</v>
          </cell>
          <cell r="K7">
            <v>23727</v>
          </cell>
          <cell r="L7">
            <v>18257</v>
          </cell>
          <cell r="M7">
            <v>13182</v>
          </cell>
          <cell r="N7">
            <v>9546</v>
          </cell>
          <cell r="O7">
            <v>7214</v>
          </cell>
          <cell r="P7">
            <v>6152</v>
          </cell>
          <cell r="Q7">
            <v>4861</v>
          </cell>
          <cell r="R7">
            <v>2919</v>
          </cell>
          <cell r="S7">
            <v>2004</v>
          </cell>
          <cell r="T7">
            <v>1252</v>
          </cell>
          <cell r="U7">
            <v>658</v>
          </cell>
          <cell r="V7">
            <v>315</v>
          </cell>
          <cell r="W7">
            <v>122</v>
          </cell>
          <cell r="X7">
            <v>25</v>
          </cell>
          <cell r="Y7">
            <v>2</v>
          </cell>
        </row>
        <row r="8">
          <cell r="D8">
            <v>151057</v>
          </cell>
          <cell r="E8">
            <v>4896</v>
          </cell>
          <cell r="F8">
            <v>4727</v>
          </cell>
          <cell r="G8">
            <v>4649</v>
          </cell>
          <cell r="H8">
            <v>4790</v>
          </cell>
          <cell r="I8">
            <v>15598</v>
          </cell>
          <cell r="J8">
            <v>21493</v>
          </cell>
          <cell r="K8">
            <v>18571</v>
          </cell>
          <cell r="L8">
            <v>15589</v>
          </cell>
          <cell r="M8">
            <v>13237</v>
          </cell>
          <cell r="N8">
            <v>11021</v>
          </cell>
          <cell r="O8">
            <v>9798</v>
          </cell>
          <cell r="P8">
            <v>9341</v>
          </cell>
          <cell r="Q8">
            <v>6793</v>
          </cell>
          <cell r="R8">
            <v>4300</v>
          </cell>
          <cell r="S8">
            <v>2649</v>
          </cell>
          <cell r="T8">
            <v>1591</v>
          </cell>
          <cell r="U8">
            <v>1051</v>
          </cell>
          <cell r="V8">
            <v>594</v>
          </cell>
          <cell r="W8">
            <v>258</v>
          </cell>
          <cell r="X8">
            <v>87</v>
          </cell>
          <cell r="Y8">
            <v>15</v>
          </cell>
        </row>
        <row r="18">
          <cell r="D18">
            <v>137800</v>
          </cell>
          <cell r="E18">
            <v>4489</v>
          </cell>
          <cell r="F18">
            <v>4883</v>
          </cell>
          <cell r="G18">
            <v>4683</v>
          </cell>
          <cell r="H18">
            <v>4596</v>
          </cell>
          <cell r="I18">
            <v>15134</v>
          </cell>
          <cell r="J18">
            <v>20295</v>
          </cell>
          <cell r="K18">
            <v>18190</v>
          </cell>
          <cell r="L18">
            <v>15741</v>
          </cell>
          <cell r="M18">
            <v>12640</v>
          </cell>
          <cell r="N18">
            <v>9492</v>
          </cell>
          <cell r="O18">
            <v>7661</v>
          </cell>
          <cell r="P18">
            <v>6762</v>
          </cell>
          <cell r="Q18">
            <v>5078</v>
          </cell>
          <cell r="R18">
            <v>3176</v>
          </cell>
          <cell r="S18">
            <v>2107</v>
          </cell>
          <cell r="T18">
            <v>1350</v>
          </cell>
          <cell r="U18">
            <v>830</v>
          </cell>
          <cell r="V18">
            <v>420</v>
          </cell>
          <cell r="W18">
            <v>193</v>
          </cell>
          <cell r="X18">
            <v>61</v>
          </cell>
          <cell r="Y18">
            <v>10</v>
          </cell>
        </row>
        <row r="19">
          <cell r="D19">
            <v>69255</v>
          </cell>
          <cell r="E19">
            <v>2346</v>
          </cell>
          <cell r="F19">
            <v>2634</v>
          </cell>
          <cell r="G19">
            <v>2432</v>
          </cell>
          <cell r="H19">
            <v>2352</v>
          </cell>
          <cell r="I19">
            <v>8428</v>
          </cell>
          <cell r="J19">
            <v>11036</v>
          </cell>
          <cell r="K19">
            <v>9915</v>
          </cell>
          <cell r="L19">
            <v>8268</v>
          </cell>
          <cell r="M19">
            <v>6218</v>
          </cell>
          <cell r="N19">
            <v>4413</v>
          </cell>
          <cell r="O19">
            <v>3266</v>
          </cell>
          <cell r="P19">
            <v>2634</v>
          </cell>
          <cell r="Q19">
            <v>2070</v>
          </cell>
          <cell r="R19">
            <v>1229</v>
          </cell>
          <cell r="S19">
            <v>868</v>
          </cell>
          <cell r="T19">
            <v>592</v>
          </cell>
          <cell r="U19">
            <v>323</v>
          </cell>
          <cell r="V19">
            <v>149</v>
          </cell>
          <cell r="W19">
            <v>65</v>
          </cell>
          <cell r="X19">
            <v>16</v>
          </cell>
          <cell r="Y19">
            <v>0</v>
          </cell>
        </row>
        <row r="20">
          <cell r="D20">
            <v>68545</v>
          </cell>
          <cell r="E20">
            <v>2143</v>
          </cell>
          <cell r="F20">
            <v>2249</v>
          </cell>
          <cell r="G20">
            <v>2251</v>
          </cell>
          <cell r="H20">
            <v>2244</v>
          </cell>
          <cell r="I20">
            <v>6706</v>
          </cell>
          <cell r="J20">
            <v>9259</v>
          </cell>
          <cell r="K20">
            <v>8275</v>
          </cell>
          <cell r="L20">
            <v>7473</v>
          </cell>
          <cell r="M20">
            <v>6422</v>
          </cell>
          <cell r="N20">
            <v>5079</v>
          </cell>
          <cell r="O20">
            <v>4395</v>
          </cell>
          <cell r="P20">
            <v>4128</v>
          </cell>
          <cell r="Q20">
            <v>3008</v>
          </cell>
          <cell r="R20">
            <v>1947</v>
          </cell>
          <cell r="S20">
            <v>1239</v>
          </cell>
          <cell r="T20">
            <v>758</v>
          </cell>
          <cell r="U20">
            <v>507</v>
          </cell>
          <cell r="V20">
            <v>271</v>
          </cell>
          <cell r="W20">
            <v>128</v>
          </cell>
          <cell r="X20">
            <v>45</v>
          </cell>
          <cell r="Y20">
            <v>10</v>
          </cell>
        </row>
        <row r="22">
          <cell r="D22">
            <v>18370</v>
          </cell>
          <cell r="E22">
            <v>705</v>
          </cell>
          <cell r="F22">
            <v>695</v>
          </cell>
          <cell r="G22">
            <v>629</v>
          </cell>
          <cell r="H22">
            <v>635</v>
          </cell>
          <cell r="I22">
            <v>1847</v>
          </cell>
          <cell r="J22">
            <v>2776</v>
          </cell>
          <cell r="K22">
            <v>2638</v>
          </cell>
          <cell r="L22">
            <v>2226</v>
          </cell>
          <cell r="M22">
            <v>1644</v>
          </cell>
          <cell r="N22">
            <v>1166</v>
          </cell>
          <cell r="O22">
            <v>996</v>
          </cell>
          <cell r="P22">
            <v>869</v>
          </cell>
          <cell r="Q22">
            <v>641</v>
          </cell>
          <cell r="R22">
            <v>387</v>
          </cell>
          <cell r="S22">
            <v>226</v>
          </cell>
          <cell r="T22">
            <v>142</v>
          </cell>
          <cell r="U22">
            <v>92</v>
          </cell>
          <cell r="V22">
            <v>32</v>
          </cell>
          <cell r="W22">
            <v>17</v>
          </cell>
          <cell r="X22">
            <v>5</v>
          </cell>
          <cell r="Y22">
            <v>2</v>
          </cell>
        </row>
        <row r="23">
          <cell r="D23">
            <v>9560</v>
          </cell>
          <cell r="E23">
            <v>352</v>
          </cell>
          <cell r="F23">
            <v>391</v>
          </cell>
          <cell r="G23">
            <v>332</v>
          </cell>
          <cell r="H23">
            <v>332</v>
          </cell>
          <cell r="I23">
            <v>1098</v>
          </cell>
          <cell r="J23">
            <v>1592</v>
          </cell>
          <cell r="K23">
            <v>1473</v>
          </cell>
          <cell r="L23">
            <v>1207</v>
          </cell>
          <cell r="M23">
            <v>818</v>
          </cell>
          <cell r="N23">
            <v>555</v>
          </cell>
          <cell r="O23">
            <v>437</v>
          </cell>
          <cell r="P23">
            <v>345</v>
          </cell>
          <cell r="Q23">
            <v>271</v>
          </cell>
          <cell r="R23">
            <v>154</v>
          </cell>
          <cell r="S23">
            <v>90</v>
          </cell>
          <cell r="T23">
            <v>56</v>
          </cell>
          <cell r="U23">
            <v>37</v>
          </cell>
          <cell r="V23">
            <v>12</v>
          </cell>
          <cell r="W23">
            <v>7</v>
          </cell>
          <cell r="X23">
            <v>1</v>
          </cell>
          <cell r="Y23">
            <v>0</v>
          </cell>
        </row>
        <row r="24">
          <cell r="D24">
            <v>8810</v>
          </cell>
          <cell r="E24">
            <v>353</v>
          </cell>
          <cell r="F24">
            <v>304</v>
          </cell>
          <cell r="G24">
            <v>297</v>
          </cell>
          <cell r="H24">
            <v>303</v>
          </cell>
          <cell r="I24">
            <v>749</v>
          </cell>
          <cell r="J24">
            <v>1184</v>
          </cell>
          <cell r="K24">
            <v>1165</v>
          </cell>
          <cell r="L24">
            <v>1019</v>
          </cell>
          <cell r="M24">
            <v>826</v>
          </cell>
          <cell r="N24">
            <v>611</v>
          </cell>
          <cell r="O24">
            <v>559</v>
          </cell>
          <cell r="P24">
            <v>524</v>
          </cell>
          <cell r="Q24">
            <v>370</v>
          </cell>
          <cell r="R24">
            <v>233</v>
          </cell>
          <cell r="S24">
            <v>136</v>
          </cell>
          <cell r="T24">
            <v>86</v>
          </cell>
          <cell r="U24">
            <v>55</v>
          </cell>
          <cell r="V24">
            <v>20</v>
          </cell>
          <cell r="W24">
            <v>10</v>
          </cell>
          <cell r="X24">
            <v>4</v>
          </cell>
          <cell r="Y24">
            <v>2</v>
          </cell>
        </row>
        <row r="25">
          <cell r="D25">
            <v>10828</v>
          </cell>
          <cell r="E25">
            <v>354</v>
          </cell>
          <cell r="F25">
            <v>295</v>
          </cell>
          <cell r="G25">
            <v>328</v>
          </cell>
          <cell r="H25">
            <v>312</v>
          </cell>
          <cell r="I25">
            <v>1414</v>
          </cell>
          <cell r="J25">
            <v>2063</v>
          </cell>
          <cell r="K25">
            <v>1642</v>
          </cell>
          <cell r="L25">
            <v>1300</v>
          </cell>
          <cell r="M25">
            <v>854</v>
          </cell>
          <cell r="N25">
            <v>619</v>
          </cell>
          <cell r="O25">
            <v>438</v>
          </cell>
          <cell r="P25">
            <v>390</v>
          </cell>
          <cell r="Q25">
            <v>324</v>
          </cell>
          <cell r="R25">
            <v>180</v>
          </cell>
          <cell r="S25">
            <v>119</v>
          </cell>
          <cell r="T25">
            <v>86</v>
          </cell>
          <cell r="U25">
            <v>61</v>
          </cell>
          <cell r="V25">
            <v>27</v>
          </cell>
          <cell r="W25">
            <v>15</v>
          </cell>
          <cell r="X25">
            <v>6</v>
          </cell>
          <cell r="Y25">
            <v>0</v>
          </cell>
        </row>
        <row r="26">
          <cell r="D26">
            <v>5414</v>
          </cell>
          <cell r="E26">
            <v>166</v>
          </cell>
          <cell r="F26">
            <v>147</v>
          </cell>
          <cell r="G26">
            <v>170</v>
          </cell>
          <cell r="H26">
            <v>151</v>
          </cell>
          <cell r="I26">
            <v>740</v>
          </cell>
          <cell r="J26">
            <v>1055</v>
          </cell>
          <cell r="K26">
            <v>870</v>
          </cell>
          <cell r="L26">
            <v>698</v>
          </cell>
          <cell r="M26">
            <v>430</v>
          </cell>
          <cell r="N26">
            <v>315</v>
          </cell>
          <cell r="O26">
            <v>196</v>
          </cell>
          <cell r="P26">
            <v>166</v>
          </cell>
          <cell r="Q26">
            <v>124</v>
          </cell>
          <cell r="R26">
            <v>65</v>
          </cell>
          <cell r="S26">
            <v>55</v>
          </cell>
          <cell r="T26">
            <v>32</v>
          </cell>
          <cell r="U26">
            <v>25</v>
          </cell>
          <cell r="V26">
            <v>6</v>
          </cell>
          <cell r="W26">
            <v>3</v>
          </cell>
          <cell r="X26">
            <v>0</v>
          </cell>
          <cell r="Y26">
            <v>0</v>
          </cell>
        </row>
        <row r="27">
          <cell r="D27">
            <v>5414</v>
          </cell>
          <cell r="E27">
            <v>188</v>
          </cell>
          <cell r="F27">
            <v>148</v>
          </cell>
          <cell r="G27">
            <v>158</v>
          </cell>
          <cell r="H27">
            <v>161</v>
          </cell>
          <cell r="I27">
            <v>674</v>
          </cell>
          <cell r="J27">
            <v>1008</v>
          </cell>
          <cell r="K27">
            <v>772</v>
          </cell>
          <cell r="L27">
            <v>602</v>
          </cell>
          <cell r="M27">
            <v>424</v>
          </cell>
          <cell r="N27">
            <v>304</v>
          </cell>
          <cell r="O27">
            <v>242</v>
          </cell>
          <cell r="P27">
            <v>224</v>
          </cell>
          <cell r="Q27">
            <v>200</v>
          </cell>
          <cell r="R27">
            <v>115</v>
          </cell>
          <cell r="S27">
            <v>64</v>
          </cell>
          <cell r="T27">
            <v>54</v>
          </cell>
          <cell r="U27">
            <v>36</v>
          </cell>
          <cell r="V27">
            <v>21</v>
          </cell>
          <cell r="W27">
            <v>12</v>
          </cell>
          <cell r="X27">
            <v>6</v>
          </cell>
          <cell r="Y27">
            <v>0</v>
          </cell>
        </row>
        <row r="28">
          <cell r="D28">
            <v>6706</v>
          </cell>
          <cell r="E28">
            <v>203</v>
          </cell>
          <cell r="F28">
            <v>195</v>
          </cell>
          <cell r="G28">
            <v>211</v>
          </cell>
          <cell r="H28">
            <v>209</v>
          </cell>
          <cell r="I28">
            <v>939</v>
          </cell>
          <cell r="J28">
            <v>1166</v>
          </cell>
          <cell r="K28">
            <v>909</v>
          </cell>
          <cell r="L28">
            <v>784</v>
          </cell>
          <cell r="M28">
            <v>642</v>
          </cell>
          <cell r="N28">
            <v>427</v>
          </cell>
          <cell r="O28">
            <v>309</v>
          </cell>
          <cell r="P28">
            <v>263</v>
          </cell>
          <cell r="Q28">
            <v>176</v>
          </cell>
          <cell r="R28">
            <v>113</v>
          </cell>
          <cell r="S28">
            <v>71</v>
          </cell>
          <cell r="T28">
            <v>33</v>
          </cell>
          <cell r="U28">
            <v>27</v>
          </cell>
          <cell r="V28">
            <v>14</v>
          </cell>
          <cell r="W28">
            <v>11</v>
          </cell>
          <cell r="X28">
            <v>2</v>
          </cell>
          <cell r="Y28">
            <v>2</v>
          </cell>
        </row>
        <row r="29">
          <cell r="D29">
            <v>3372</v>
          </cell>
          <cell r="E29">
            <v>103</v>
          </cell>
          <cell r="F29">
            <v>87</v>
          </cell>
          <cell r="G29">
            <v>97</v>
          </cell>
          <cell r="H29">
            <v>101</v>
          </cell>
          <cell r="I29">
            <v>487</v>
          </cell>
          <cell r="J29">
            <v>619</v>
          </cell>
          <cell r="K29">
            <v>468</v>
          </cell>
          <cell r="L29">
            <v>399</v>
          </cell>
          <cell r="M29">
            <v>334</v>
          </cell>
          <cell r="N29">
            <v>231</v>
          </cell>
          <cell r="O29">
            <v>150</v>
          </cell>
          <cell r="P29">
            <v>122</v>
          </cell>
          <cell r="Q29">
            <v>74</v>
          </cell>
          <cell r="R29">
            <v>41</v>
          </cell>
          <cell r="S29">
            <v>28</v>
          </cell>
          <cell r="T29">
            <v>19</v>
          </cell>
          <cell r="U29">
            <v>7</v>
          </cell>
          <cell r="V29">
            <v>3</v>
          </cell>
          <cell r="W29">
            <v>2</v>
          </cell>
          <cell r="X29">
            <v>0</v>
          </cell>
          <cell r="Y29">
            <v>0</v>
          </cell>
        </row>
        <row r="30">
          <cell r="D30">
            <v>3334</v>
          </cell>
          <cell r="E30">
            <v>100</v>
          </cell>
          <cell r="F30">
            <v>108</v>
          </cell>
          <cell r="G30">
            <v>114</v>
          </cell>
          <cell r="H30">
            <v>108</v>
          </cell>
          <cell r="I30">
            <v>452</v>
          </cell>
          <cell r="J30">
            <v>547</v>
          </cell>
          <cell r="K30">
            <v>441</v>
          </cell>
          <cell r="L30">
            <v>385</v>
          </cell>
          <cell r="M30">
            <v>308</v>
          </cell>
          <cell r="N30">
            <v>196</v>
          </cell>
          <cell r="O30">
            <v>159</v>
          </cell>
          <cell r="P30">
            <v>141</v>
          </cell>
          <cell r="Q30">
            <v>102</v>
          </cell>
          <cell r="R30">
            <v>72</v>
          </cell>
          <cell r="S30">
            <v>43</v>
          </cell>
          <cell r="T30">
            <v>14</v>
          </cell>
          <cell r="U30">
            <v>20</v>
          </cell>
          <cell r="V30">
            <v>11</v>
          </cell>
          <cell r="W30">
            <v>9</v>
          </cell>
          <cell r="X30">
            <v>2</v>
          </cell>
          <cell r="Y30">
            <v>2</v>
          </cell>
        </row>
        <row r="31">
          <cell r="D31">
            <v>19664</v>
          </cell>
          <cell r="E31">
            <v>427</v>
          </cell>
          <cell r="F31">
            <v>754</v>
          </cell>
          <cell r="G31">
            <v>784</v>
          </cell>
          <cell r="H31">
            <v>944</v>
          </cell>
          <cell r="I31">
            <v>2213</v>
          </cell>
          <cell r="J31">
            <v>1863</v>
          </cell>
          <cell r="K31">
            <v>1728</v>
          </cell>
          <cell r="L31">
            <v>2059</v>
          </cell>
          <cell r="M31">
            <v>1953</v>
          </cell>
          <cell r="N31">
            <v>1719</v>
          </cell>
          <cell r="O31">
            <v>1463</v>
          </cell>
          <cell r="P31">
            <v>1167</v>
          </cell>
          <cell r="Q31">
            <v>870</v>
          </cell>
          <cell r="R31">
            <v>598</v>
          </cell>
          <cell r="S31">
            <v>455</v>
          </cell>
          <cell r="T31">
            <v>298</v>
          </cell>
          <cell r="U31">
            <v>184</v>
          </cell>
          <cell r="V31">
            <v>111</v>
          </cell>
          <cell r="W31">
            <v>54</v>
          </cell>
          <cell r="X31">
            <v>16</v>
          </cell>
          <cell r="Y31">
            <v>2</v>
          </cell>
        </row>
        <row r="32">
          <cell r="D32">
            <v>9617</v>
          </cell>
          <cell r="E32">
            <v>231</v>
          </cell>
          <cell r="F32">
            <v>413</v>
          </cell>
          <cell r="G32">
            <v>416</v>
          </cell>
          <cell r="H32">
            <v>488</v>
          </cell>
          <cell r="I32">
            <v>1202</v>
          </cell>
          <cell r="J32">
            <v>957</v>
          </cell>
          <cell r="K32">
            <v>899</v>
          </cell>
          <cell r="L32">
            <v>1004</v>
          </cell>
          <cell r="M32">
            <v>904</v>
          </cell>
          <cell r="N32">
            <v>774</v>
          </cell>
          <cell r="O32">
            <v>662</v>
          </cell>
          <cell r="P32">
            <v>519</v>
          </cell>
          <cell r="Q32">
            <v>384</v>
          </cell>
          <cell r="R32">
            <v>271</v>
          </cell>
          <cell r="S32">
            <v>203</v>
          </cell>
          <cell r="T32">
            <v>148</v>
          </cell>
          <cell r="U32">
            <v>75</v>
          </cell>
          <cell r="V32">
            <v>42</v>
          </cell>
          <cell r="W32">
            <v>21</v>
          </cell>
          <cell r="X32">
            <v>4</v>
          </cell>
          <cell r="Y32">
            <v>0</v>
          </cell>
        </row>
        <row r="33">
          <cell r="D33">
            <v>10047</v>
          </cell>
          <cell r="E33">
            <v>196</v>
          </cell>
          <cell r="F33">
            <v>341</v>
          </cell>
          <cell r="G33">
            <v>368</v>
          </cell>
          <cell r="H33">
            <v>456</v>
          </cell>
          <cell r="I33">
            <v>1011</v>
          </cell>
          <cell r="J33">
            <v>906</v>
          </cell>
          <cell r="K33">
            <v>829</v>
          </cell>
          <cell r="L33">
            <v>1055</v>
          </cell>
          <cell r="M33">
            <v>1049</v>
          </cell>
          <cell r="N33">
            <v>945</v>
          </cell>
          <cell r="O33">
            <v>801</v>
          </cell>
          <cell r="P33">
            <v>648</v>
          </cell>
          <cell r="Q33">
            <v>486</v>
          </cell>
          <cell r="R33">
            <v>327</v>
          </cell>
          <cell r="S33">
            <v>252</v>
          </cell>
          <cell r="T33">
            <v>150</v>
          </cell>
          <cell r="U33">
            <v>109</v>
          </cell>
          <cell r="V33">
            <v>69</v>
          </cell>
          <cell r="W33">
            <v>33</v>
          </cell>
          <cell r="X33">
            <v>12</v>
          </cell>
          <cell r="Y33">
            <v>2</v>
          </cell>
        </row>
        <row r="34">
          <cell r="D34">
            <v>14553</v>
          </cell>
          <cell r="E34">
            <v>450</v>
          </cell>
          <cell r="F34">
            <v>608</v>
          </cell>
          <cell r="G34">
            <v>601</v>
          </cell>
          <cell r="H34">
            <v>576</v>
          </cell>
          <cell r="I34">
            <v>1627</v>
          </cell>
          <cell r="J34">
            <v>1928</v>
          </cell>
          <cell r="K34">
            <v>1752</v>
          </cell>
          <cell r="L34">
            <v>1643</v>
          </cell>
          <cell r="M34">
            <v>1418</v>
          </cell>
          <cell r="N34">
            <v>1045</v>
          </cell>
          <cell r="O34">
            <v>801</v>
          </cell>
          <cell r="P34">
            <v>733</v>
          </cell>
          <cell r="Q34">
            <v>543</v>
          </cell>
          <cell r="R34">
            <v>353</v>
          </cell>
          <cell r="S34">
            <v>214</v>
          </cell>
          <cell r="T34">
            <v>124</v>
          </cell>
          <cell r="U34">
            <v>81</v>
          </cell>
          <cell r="V34">
            <v>40</v>
          </cell>
          <cell r="W34">
            <v>11</v>
          </cell>
          <cell r="X34">
            <v>3</v>
          </cell>
          <cell r="Y34">
            <v>0</v>
          </cell>
        </row>
        <row r="35">
          <cell r="D35">
            <v>6952</v>
          </cell>
          <cell r="E35">
            <v>241</v>
          </cell>
          <cell r="F35">
            <v>336</v>
          </cell>
          <cell r="G35">
            <v>319</v>
          </cell>
          <cell r="H35">
            <v>277</v>
          </cell>
          <cell r="I35">
            <v>878</v>
          </cell>
          <cell r="J35">
            <v>1037</v>
          </cell>
          <cell r="K35">
            <v>936</v>
          </cell>
          <cell r="L35">
            <v>819</v>
          </cell>
          <cell r="M35">
            <v>653</v>
          </cell>
          <cell r="N35">
            <v>449</v>
          </cell>
          <cell r="O35">
            <v>307</v>
          </cell>
          <cell r="P35">
            <v>229</v>
          </cell>
          <cell r="Q35">
            <v>196</v>
          </cell>
          <cell r="R35">
            <v>99</v>
          </cell>
          <cell r="S35">
            <v>75</v>
          </cell>
          <cell r="T35">
            <v>56</v>
          </cell>
          <cell r="U35">
            <v>26</v>
          </cell>
          <cell r="V35">
            <v>13</v>
          </cell>
          <cell r="W35">
            <v>6</v>
          </cell>
          <cell r="X35">
            <v>0</v>
          </cell>
          <cell r="Y35">
            <v>0</v>
          </cell>
        </row>
        <row r="36">
          <cell r="D36">
            <v>7601</v>
          </cell>
          <cell r="E36">
            <v>209</v>
          </cell>
          <cell r="F36">
            <v>272</v>
          </cell>
          <cell r="G36">
            <v>282</v>
          </cell>
          <cell r="H36">
            <v>299</v>
          </cell>
          <cell r="I36">
            <v>749</v>
          </cell>
          <cell r="J36">
            <v>891</v>
          </cell>
          <cell r="K36">
            <v>816</v>
          </cell>
          <cell r="L36">
            <v>824</v>
          </cell>
          <cell r="M36">
            <v>765</v>
          </cell>
          <cell r="N36">
            <v>596</v>
          </cell>
          <cell r="O36">
            <v>494</v>
          </cell>
          <cell r="P36">
            <v>504</v>
          </cell>
          <cell r="Q36">
            <v>347</v>
          </cell>
          <cell r="R36">
            <v>254</v>
          </cell>
          <cell r="S36">
            <v>139</v>
          </cell>
          <cell r="T36">
            <v>68</v>
          </cell>
          <cell r="U36">
            <v>55</v>
          </cell>
          <cell r="V36">
            <v>27</v>
          </cell>
          <cell r="W36">
            <v>5</v>
          </cell>
          <cell r="X36">
            <v>3</v>
          </cell>
          <cell r="Y36">
            <v>0</v>
          </cell>
        </row>
        <row r="37">
          <cell r="D37">
            <v>7488</v>
          </cell>
          <cell r="E37">
            <v>239</v>
          </cell>
          <cell r="F37">
            <v>215</v>
          </cell>
          <cell r="G37">
            <v>190</v>
          </cell>
          <cell r="H37">
            <v>189</v>
          </cell>
          <cell r="I37">
            <v>948</v>
          </cell>
          <cell r="J37">
            <v>1387</v>
          </cell>
          <cell r="K37">
            <v>1122</v>
          </cell>
          <cell r="L37">
            <v>863</v>
          </cell>
          <cell r="M37">
            <v>688</v>
          </cell>
          <cell r="N37">
            <v>415</v>
          </cell>
          <cell r="O37">
            <v>335</v>
          </cell>
          <cell r="P37">
            <v>291</v>
          </cell>
          <cell r="Q37">
            <v>222</v>
          </cell>
          <cell r="R37">
            <v>143</v>
          </cell>
          <cell r="S37">
            <v>105</v>
          </cell>
          <cell r="T37">
            <v>74</v>
          </cell>
          <cell r="U37">
            <v>36</v>
          </cell>
          <cell r="V37">
            <v>14</v>
          </cell>
          <cell r="W37">
            <v>10</v>
          </cell>
          <cell r="X37">
            <v>2</v>
          </cell>
          <cell r="Y37">
            <v>0</v>
          </cell>
        </row>
        <row r="38">
          <cell r="D38">
            <v>3831</v>
          </cell>
          <cell r="E38">
            <v>129</v>
          </cell>
          <cell r="F38">
            <v>106</v>
          </cell>
          <cell r="G38">
            <v>103</v>
          </cell>
          <cell r="H38">
            <v>96</v>
          </cell>
          <cell r="I38">
            <v>512</v>
          </cell>
          <cell r="J38">
            <v>788</v>
          </cell>
          <cell r="K38">
            <v>605</v>
          </cell>
          <cell r="L38">
            <v>466</v>
          </cell>
          <cell r="M38">
            <v>356</v>
          </cell>
          <cell r="N38">
            <v>209</v>
          </cell>
          <cell r="O38">
            <v>143</v>
          </cell>
          <cell r="P38">
            <v>92</v>
          </cell>
          <cell r="Q38">
            <v>77</v>
          </cell>
          <cell r="R38">
            <v>61</v>
          </cell>
          <cell r="S38">
            <v>38</v>
          </cell>
          <cell r="T38">
            <v>36</v>
          </cell>
          <cell r="U38">
            <v>10</v>
          </cell>
          <cell r="V38">
            <v>2</v>
          </cell>
          <cell r="W38">
            <v>1</v>
          </cell>
          <cell r="X38">
            <v>1</v>
          </cell>
          <cell r="Y38">
            <v>0</v>
          </cell>
        </row>
        <row r="39">
          <cell r="D39">
            <v>3657</v>
          </cell>
          <cell r="E39">
            <v>110</v>
          </cell>
          <cell r="F39">
            <v>109</v>
          </cell>
          <cell r="G39">
            <v>87</v>
          </cell>
          <cell r="H39">
            <v>93</v>
          </cell>
          <cell r="I39">
            <v>436</v>
          </cell>
          <cell r="J39">
            <v>599</v>
          </cell>
          <cell r="K39">
            <v>517</v>
          </cell>
          <cell r="L39">
            <v>397</v>
          </cell>
          <cell r="M39">
            <v>332</v>
          </cell>
          <cell r="N39">
            <v>206</v>
          </cell>
          <cell r="O39">
            <v>192</v>
          </cell>
          <cell r="P39">
            <v>199</v>
          </cell>
          <cell r="Q39">
            <v>145</v>
          </cell>
          <cell r="R39">
            <v>82</v>
          </cell>
          <cell r="S39">
            <v>67</v>
          </cell>
          <cell r="T39">
            <v>38</v>
          </cell>
          <cell r="U39">
            <v>26</v>
          </cell>
          <cell r="V39">
            <v>12</v>
          </cell>
          <cell r="W39">
            <v>9</v>
          </cell>
          <cell r="X39">
            <v>1</v>
          </cell>
          <cell r="Y39">
            <v>0</v>
          </cell>
        </row>
        <row r="40">
          <cell r="D40">
            <v>6995</v>
          </cell>
          <cell r="E40">
            <v>269</v>
          </cell>
          <cell r="F40">
            <v>332</v>
          </cell>
          <cell r="G40">
            <v>351</v>
          </cell>
          <cell r="H40">
            <v>263</v>
          </cell>
          <cell r="I40">
            <v>535</v>
          </cell>
          <cell r="J40">
            <v>807</v>
          </cell>
          <cell r="K40">
            <v>799</v>
          </cell>
          <cell r="L40">
            <v>870</v>
          </cell>
          <cell r="M40">
            <v>728</v>
          </cell>
          <cell r="N40">
            <v>542</v>
          </cell>
          <cell r="O40">
            <v>426</v>
          </cell>
          <cell r="P40">
            <v>364</v>
          </cell>
          <cell r="Q40">
            <v>262</v>
          </cell>
          <cell r="R40">
            <v>176</v>
          </cell>
          <cell r="S40">
            <v>109</v>
          </cell>
          <cell r="T40">
            <v>84</v>
          </cell>
          <cell r="U40">
            <v>44</v>
          </cell>
          <cell r="V40">
            <v>20</v>
          </cell>
          <cell r="W40">
            <v>9</v>
          </cell>
          <cell r="X40">
            <v>4</v>
          </cell>
          <cell r="Y40">
            <v>0</v>
          </cell>
        </row>
        <row r="41">
          <cell r="D41">
            <v>3473</v>
          </cell>
          <cell r="E41">
            <v>148</v>
          </cell>
          <cell r="F41">
            <v>196</v>
          </cell>
          <cell r="G41">
            <v>194</v>
          </cell>
          <cell r="H41">
            <v>158</v>
          </cell>
          <cell r="I41">
            <v>313</v>
          </cell>
          <cell r="J41">
            <v>439</v>
          </cell>
          <cell r="K41">
            <v>430</v>
          </cell>
          <cell r="L41">
            <v>439</v>
          </cell>
          <cell r="M41">
            <v>338</v>
          </cell>
          <cell r="N41">
            <v>247</v>
          </cell>
          <cell r="O41">
            <v>172</v>
          </cell>
          <cell r="P41">
            <v>141</v>
          </cell>
          <cell r="Q41">
            <v>102</v>
          </cell>
          <cell r="R41">
            <v>56</v>
          </cell>
          <cell r="S41">
            <v>44</v>
          </cell>
          <cell r="T41">
            <v>27</v>
          </cell>
          <cell r="U41">
            <v>21</v>
          </cell>
          <cell r="V41">
            <v>5</v>
          </cell>
          <cell r="W41">
            <v>2</v>
          </cell>
          <cell r="X41">
            <v>1</v>
          </cell>
          <cell r="Y41">
            <v>0</v>
          </cell>
        </row>
        <row r="42">
          <cell r="D42">
            <v>3522</v>
          </cell>
          <cell r="E42">
            <v>121</v>
          </cell>
          <cell r="F42">
            <v>136</v>
          </cell>
          <cell r="G42">
            <v>157</v>
          </cell>
          <cell r="H42">
            <v>105</v>
          </cell>
          <cell r="I42">
            <v>222</v>
          </cell>
          <cell r="J42">
            <v>368</v>
          </cell>
          <cell r="K42">
            <v>369</v>
          </cell>
          <cell r="L42">
            <v>431</v>
          </cell>
          <cell r="M42">
            <v>390</v>
          </cell>
          <cell r="N42">
            <v>295</v>
          </cell>
          <cell r="O42">
            <v>254</v>
          </cell>
          <cell r="P42">
            <v>223</v>
          </cell>
          <cell r="Q42">
            <v>160</v>
          </cell>
          <cell r="R42">
            <v>120</v>
          </cell>
          <cell r="S42">
            <v>65</v>
          </cell>
          <cell r="T42">
            <v>57</v>
          </cell>
          <cell r="U42">
            <v>23</v>
          </cell>
          <cell r="V42">
            <v>15</v>
          </cell>
          <cell r="W42">
            <v>7</v>
          </cell>
          <cell r="X42">
            <v>3</v>
          </cell>
          <cell r="Y42">
            <v>0</v>
          </cell>
        </row>
        <row r="43">
          <cell r="D43">
            <v>4485</v>
          </cell>
          <cell r="E43">
            <v>143</v>
          </cell>
          <cell r="F43">
            <v>137</v>
          </cell>
          <cell r="G43">
            <v>126</v>
          </cell>
          <cell r="H43">
            <v>137</v>
          </cell>
          <cell r="I43">
            <v>549</v>
          </cell>
          <cell r="J43">
            <v>767</v>
          </cell>
          <cell r="K43">
            <v>614</v>
          </cell>
          <cell r="L43">
            <v>409</v>
          </cell>
          <cell r="M43">
            <v>359</v>
          </cell>
          <cell r="N43">
            <v>282</v>
          </cell>
          <cell r="O43">
            <v>279</v>
          </cell>
          <cell r="P43">
            <v>246</v>
          </cell>
          <cell r="Q43">
            <v>165</v>
          </cell>
          <cell r="R43">
            <v>102</v>
          </cell>
          <cell r="S43">
            <v>77</v>
          </cell>
          <cell r="T43">
            <v>41</v>
          </cell>
          <cell r="U43">
            <v>30</v>
          </cell>
          <cell r="V43">
            <v>17</v>
          </cell>
          <cell r="W43">
            <v>4</v>
          </cell>
          <cell r="X43">
            <v>0</v>
          </cell>
          <cell r="Y43">
            <v>0</v>
          </cell>
        </row>
        <row r="44">
          <cell r="D44">
            <v>2174</v>
          </cell>
          <cell r="E44">
            <v>75</v>
          </cell>
          <cell r="F44">
            <v>79</v>
          </cell>
          <cell r="G44">
            <v>62</v>
          </cell>
          <cell r="H44">
            <v>62</v>
          </cell>
          <cell r="I44">
            <v>260</v>
          </cell>
          <cell r="J44">
            <v>380</v>
          </cell>
          <cell r="K44">
            <v>341</v>
          </cell>
          <cell r="L44">
            <v>221</v>
          </cell>
          <cell r="M44">
            <v>172</v>
          </cell>
          <cell r="N44">
            <v>124</v>
          </cell>
          <cell r="O44">
            <v>118</v>
          </cell>
          <cell r="P44">
            <v>95</v>
          </cell>
          <cell r="Q44">
            <v>67</v>
          </cell>
          <cell r="R44">
            <v>39</v>
          </cell>
          <cell r="S44">
            <v>33</v>
          </cell>
          <cell r="T44">
            <v>21</v>
          </cell>
          <cell r="U44">
            <v>13</v>
          </cell>
          <cell r="V44">
            <v>10</v>
          </cell>
          <cell r="W44">
            <v>2</v>
          </cell>
          <cell r="X44">
            <v>0</v>
          </cell>
          <cell r="Y44">
            <v>0</v>
          </cell>
        </row>
        <row r="45">
          <cell r="D45">
            <v>2311</v>
          </cell>
          <cell r="E45">
            <v>68</v>
          </cell>
          <cell r="F45">
            <v>58</v>
          </cell>
          <cell r="G45">
            <v>64</v>
          </cell>
          <cell r="H45">
            <v>75</v>
          </cell>
          <cell r="I45">
            <v>289</v>
          </cell>
          <cell r="J45">
            <v>387</v>
          </cell>
          <cell r="K45">
            <v>273</v>
          </cell>
          <cell r="L45">
            <v>188</v>
          </cell>
          <cell r="M45">
            <v>187</v>
          </cell>
          <cell r="N45">
            <v>158</v>
          </cell>
          <cell r="O45">
            <v>161</v>
          </cell>
          <cell r="P45">
            <v>151</v>
          </cell>
          <cell r="Q45">
            <v>98</v>
          </cell>
          <cell r="R45">
            <v>63</v>
          </cell>
          <cell r="S45">
            <v>44</v>
          </cell>
          <cell r="T45">
            <v>20</v>
          </cell>
          <cell r="U45">
            <v>17</v>
          </cell>
          <cell r="V45">
            <v>7</v>
          </cell>
          <cell r="W45">
            <v>2</v>
          </cell>
          <cell r="X45">
            <v>0</v>
          </cell>
          <cell r="Y45">
            <v>0</v>
          </cell>
        </row>
        <row r="46">
          <cell r="D46">
            <v>9608</v>
          </cell>
          <cell r="E46">
            <v>229</v>
          </cell>
          <cell r="F46">
            <v>191</v>
          </cell>
          <cell r="G46">
            <v>196</v>
          </cell>
          <cell r="H46">
            <v>222</v>
          </cell>
          <cell r="I46">
            <v>1178</v>
          </cell>
          <cell r="J46">
            <v>1784</v>
          </cell>
          <cell r="K46">
            <v>1602</v>
          </cell>
          <cell r="L46">
            <v>1131</v>
          </cell>
          <cell r="M46">
            <v>815</v>
          </cell>
          <cell r="N46">
            <v>584</v>
          </cell>
          <cell r="O46">
            <v>448</v>
          </cell>
          <cell r="P46">
            <v>441</v>
          </cell>
          <cell r="Q46">
            <v>327</v>
          </cell>
          <cell r="R46">
            <v>192</v>
          </cell>
          <cell r="S46">
            <v>109</v>
          </cell>
          <cell r="T46">
            <v>77</v>
          </cell>
          <cell r="U46">
            <v>42</v>
          </cell>
          <cell r="V46">
            <v>16</v>
          </cell>
          <cell r="W46">
            <v>16</v>
          </cell>
          <cell r="X46">
            <v>6</v>
          </cell>
          <cell r="Y46">
            <v>2</v>
          </cell>
        </row>
        <row r="47">
          <cell r="D47">
            <v>4996</v>
          </cell>
          <cell r="E47">
            <v>129</v>
          </cell>
          <cell r="F47">
            <v>114</v>
          </cell>
          <cell r="G47">
            <v>99</v>
          </cell>
          <cell r="H47">
            <v>112</v>
          </cell>
          <cell r="I47">
            <v>672</v>
          </cell>
          <cell r="J47">
            <v>971</v>
          </cell>
          <cell r="K47">
            <v>856</v>
          </cell>
          <cell r="L47">
            <v>624</v>
          </cell>
          <cell r="M47">
            <v>423</v>
          </cell>
          <cell r="N47">
            <v>270</v>
          </cell>
          <cell r="O47">
            <v>198</v>
          </cell>
          <cell r="P47">
            <v>189</v>
          </cell>
          <cell r="Q47">
            <v>149</v>
          </cell>
          <cell r="R47">
            <v>74</v>
          </cell>
          <cell r="S47">
            <v>47</v>
          </cell>
          <cell r="T47">
            <v>36</v>
          </cell>
          <cell r="U47">
            <v>16</v>
          </cell>
          <cell r="V47">
            <v>6</v>
          </cell>
          <cell r="W47">
            <v>9</v>
          </cell>
          <cell r="X47">
            <v>2</v>
          </cell>
          <cell r="Y47">
            <v>0</v>
          </cell>
        </row>
        <row r="48">
          <cell r="D48">
            <v>4612</v>
          </cell>
          <cell r="E48">
            <v>100</v>
          </cell>
          <cell r="F48">
            <v>77</v>
          </cell>
          <cell r="G48">
            <v>97</v>
          </cell>
          <cell r="H48">
            <v>110</v>
          </cell>
          <cell r="I48">
            <v>506</v>
          </cell>
          <cell r="J48">
            <v>813</v>
          </cell>
          <cell r="K48">
            <v>746</v>
          </cell>
          <cell r="L48">
            <v>507</v>
          </cell>
          <cell r="M48">
            <v>392</v>
          </cell>
          <cell r="N48">
            <v>314</v>
          </cell>
          <cell r="O48">
            <v>250</v>
          </cell>
          <cell r="P48">
            <v>252</v>
          </cell>
          <cell r="Q48">
            <v>178</v>
          </cell>
          <cell r="R48">
            <v>118</v>
          </cell>
          <cell r="S48">
            <v>62</v>
          </cell>
          <cell r="T48">
            <v>41</v>
          </cell>
          <cell r="U48">
            <v>26</v>
          </cell>
          <cell r="V48">
            <v>10</v>
          </cell>
          <cell r="W48">
            <v>7</v>
          </cell>
          <cell r="X48">
            <v>4</v>
          </cell>
          <cell r="Y48">
            <v>2</v>
          </cell>
        </row>
        <row r="49">
          <cell r="D49">
            <v>5745</v>
          </cell>
          <cell r="E49">
            <v>189</v>
          </cell>
          <cell r="F49">
            <v>181</v>
          </cell>
          <cell r="G49">
            <v>168</v>
          </cell>
          <cell r="H49">
            <v>174</v>
          </cell>
          <cell r="I49">
            <v>609</v>
          </cell>
          <cell r="J49">
            <v>793</v>
          </cell>
          <cell r="K49">
            <v>738</v>
          </cell>
          <cell r="L49">
            <v>652</v>
          </cell>
          <cell r="M49">
            <v>566</v>
          </cell>
          <cell r="N49">
            <v>426</v>
          </cell>
          <cell r="O49">
            <v>340</v>
          </cell>
          <cell r="P49">
            <v>294</v>
          </cell>
          <cell r="Q49">
            <v>247</v>
          </cell>
          <cell r="R49">
            <v>145</v>
          </cell>
          <cell r="S49">
            <v>91</v>
          </cell>
          <cell r="T49">
            <v>56</v>
          </cell>
          <cell r="U49">
            <v>40</v>
          </cell>
          <cell r="V49">
            <v>20</v>
          </cell>
          <cell r="W49">
            <v>10</v>
          </cell>
          <cell r="X49">
            <v>6</v>
          </cell>
          <cell r="Y49">
            <v>0</v>
          </cell>
        </row>
        <row r="50">
          <cell r="D50">
            <v>2926</v>
          </cell>
          <cell r="E50">
            <v>86</v>
          </cell>
          <cell r="F50">
            <v>98</v>
          </cell>
          <cell r="G50">
            <v>87</v>
          </cell>
          <cell r="H50">
            <v>96</v>
          </cell>
          <cell r="I50">
            <v>380</v>
          </cell>
          <cell r="J50">
            <v>432</v>
          </cell>
          <cell r="K50">
            <v>439</v>
          </cell>
          <cell r="L50">
            <v>347</v>
          </cell>
          <cell r="M50">
            <v>282</v>
          </cell>
          <cell r="N50">
            <v>191</v>
          </cell>
          <cell r="O50">
            <v>140</v>
          </cell>
          <cell r="P50">
            <v>110</v>
          </cell>
          <cell r="Q50">
            <v>91</v>
          </cell>
          <cell r="R50">
            <v>57</v>
          </cell>
          <cell r="S50">
            <v>35</v>
          </cell>
          <cell r="T50">
            <v>21</v>
          </cell>
          <cell r="U50">
            <v>21</v>
          </cell>
          <cell r="V50">
            <v>7</v>
          </cell>
          <cell r="W50">
            <v>4</v>
          </cell>
          <cell r="X50">
            <v>2</v>
          </cell>
          <cell r="Y50">
            <v>0</v>
          </cell>
        </row>
        <row r="51">
          <cell r="D51">
            <v>2819</v>
          </cell>
          <cell r="E51">
            <v>103</v>
          </cell>
          <cell r="F51">
            <v>83</v>
          </cell>
          <cell r="G51">
            <v>81</v>
          </cell>
          <cell r="H51">
            <v>78</v>
          </cell>
          <cell r="I51">
            <v>229</v>
          </cell>
          <cell r="J51">
            <v>361</v>
          </cell>
          <cell r="K51">
            <v>299</v>
          </cell>
          <cell r="L51">
            <v>305</v>
          </cell>
          <cell r="M51">
            <v>284</v>
          </cell>
          <cell r="N51">
            <v>235</v>
          </cell>
          <cell r="O51">
            <v>200</v>
          </cell>
          <cell r="P51">
            <v>184</v>
          </cell>
          <cell r="Q51">
            <v>156</v>
          </cell>
          <cell r="R51">
            <v>88</v>
          </cell>
          <cell r="S51">
            <v>56</v>
          </cell>
          <cell r="T51">
            <v>35</v>
          </cell>
          <cell r="U51">
            <v>19</v>
          </cell>
          <cell r="V51">
            <v>13</v>
          </cell>
          <cell r="W51">
            <v>6</v>
          </cell>
          <cell r="X51">
            <v>4</v>
          </cell>
          <cell r="Y51">
            <v>0</v>
          </cell>
        </row>
        <row r="52">
          <cell r="D52">
            <v>3843</v>
          </cell>
          <cell r="E52">
            <v>96</v>
          </cell>
          <cell r="F52">
            <v>121</v>
          </cell>
          <cell r="G52">
            <v>129</v>
          </cell>
          <cell r="H52">
            <v>109</v>
          </cell>
          <cell r="I52">
            <v>314</v>
          </cell>
          <cell r="J52">
            <v>541</v>
          </cell>
          <cell r="K52">
            <v>491</v>
          </cell>
          <cell r="L52">
            <v>427</v>
          </cell>
          <cell r="M52">
            <v>349</v>
          </cell>
          <cell r="N52">
            <v>292</v>
          </cell>
          <cell r="O52">
            <v>257</v>
          </cell>
          <cell r="P52">
            <v>242</v>
          </cell>
          <cell r="Q52">
            <v>161</v>
          </cell>
          <cell r="R52">
            <v>106</v>
          </cell>
          <cell r="S52">
            <v>97</v>
          </cell>
          <cell r="T52">
            <v>56</v>
          </cell>
          <cell r="U52">
            <v>43</v>
          </cell>
          <cell r="V52">
            <v>10</v>
          </cell>
          <cell r="W52">
            <v>1</v>
          </cell>
          <cell r="X52">
            <v>1</v>
          </cell>
          <cell r="Y52">
            <v>0</v>
          </cell>
        </row>
        <row r="53">
          <cell r="D53">
            <v>1898</v>
          </cell>
          <cell r="E53">
            <v>58</v>
          </cell>
          <cell r="F53">
            <v>69</v>
          </cell>
          <cell r="G53">
            <v>65</v>
          </cell>
          <cell r="H53">
            <v>54</v>
          </cell>
          <cell r="I53">
            <v>191</v>
          </cell>
          <cell r="J53">
            <v>309</v>
          </cell>
          <cell r="K53">
            <v>269</v>
          </cell>
          <cell r="L53">
            <v>222</v>
          </cell>
          <cell r="M53">
            <v>161</v>
          </cell>
          <cell r="N53">
            <v>141</v>
          </cell>
          <cell r="O53">
            <v>97</v>
          </cell>
          <cell r="P53">
            <v>77</v>
          </cell>
          <cell r="Q53">
            <v>64</v>
          </cell>
          <cell r="R53">
            <v>38</v>
          </cell>
          <cell r="S53">
            <v>39</v>
          </cell>
          <cell r="T53">
            <v>24</v>
          </cell>
          <cell r="U53">
            <v>17</v>
          </cell>
          <cell r="V53">
            <v>2</v>
          </cell>
          <cell r="W53">
            <v>1</v>
          </cell>
          <cell r="X53">
            <v>0</v>
          </cell>
          <cell r="Y53">
            <v>0</v>
          </cell>
        </row>
        <row r="54">
          <cell r="D54">
            <v>1945</v>
          </cell>
          <cell r="E54">
            <v>38</v>
          </cell>
          <cell r="F54">
            <v>52</v>
          </cell>
          <cell r="G54">
            <v>64</v>
          </cell>
          <cell r="H54">
            <v>55</v>
          </cell>
          <cell r="I54">
            <v>123</v>
          </cell>
          <cell r="J54">
            <v>232</v>
          </cell>
          <cell r="K54">
            <v>222</v>
          </cell>
          <cell r="L54">
            <v>205</v>
          </cell>
          <cell r="M54">
            <v>188</v>
          </cell>
          <cell r="N54">
            <v>151</v>
          </cell>
          <cell r="O54">
            <v>160</v>
          </cell>
          <cell r="P54">
            <v>165</v>
          </cell>
          <cell r="Q54">
            <v>97</v>
          </cell>
          <cell r="R54">
            <v>68</v>
          </cell>
          <cell r="S54">
            <v>58</v>
          </cell>
          <cell r="T54">
            <v>32</v>
          </cell>
          <cell r="U54">
            <v>26</v>
          </cell>
          <cell r="V54">
            <v>8</v>
          </cell>
          <cell r="W54">
            <v>0</v>
          </cell>
          <cell r="X54">
            <v>1</v>
          </cell>
          <cell r="Y54">
            <v>0</v>
          </cell>
        </row>
        <row r="55">
          <cell r="D55">
            <v>4968</v>
          </cell>
          <cell r="E55">
            <v>172</v>
          </cell>
          <cell r="F55">
            <v>120</v>
          </cell>
          <cell r="G55">
            <v>106</v>
          </cell>
          <cell r="H55">
            <v>124</v>
          </cell>
          <cell r="I55">
            <v>664</v>
          </cell>
          <cell r="J55">
            <v>984</v>
          </cell>
          <cell r="K55">
            <v>686</v>
          </cell>
          <cell r="L55">
            <v>475</v>
          </cell>
          <cell r="M55">
            <v>373</v>
          </cell>
          <cell r="N55">
            <v>304</v>
          </cell>
          <cell r="O55">
            <v>242</v>
          </cell>
          <cell r="P55">
            <v>224</v>
          </cell>
          <cell r="Q55">
            <v>183</v>
          </cell>
          <cell r="R55">
            <v>122</v>
          </cell>
          <cell r="S55">
            <v>83</v>
          </cell>
          <cell r="T55">
            <v>47</v>
          </cell>
          <cell r="U55">
            <v>29</v>
          </cell>
          <cell r="V55">
            <v>18</v>
          </cell>
          <cell r="W55">
            <v>8</v>
          </cell>
          <cell r="X55">
            <v>3</v>
          </cell>
          <cell r="Y55">
            <v>0</v>
          </cell>
        </row>
        <row r="56">
          <cell r="D56">
            <v>2620</v>
          </cell>
          <cell r="E56">
            <v>85</v>
          </cell>
          <cell r="F56">
            <v>64</v>
          </cell>
          <cell r="G56">
            <v>48</v>
          </cell>
          <cell r="H56">
            <v>75</v>
          </cell>
          <cell r="I56">
            <v>408</v>
          </cell>
          <cell r="J56">
            <v>580</v>
          </cell>
          <cell r="K56">
            <v>413</v>
          </cell>
          <cell r="L56">
            <v>258</v>
          </cell>
          <cell r="M56">
            <v>185</v>
          </cell>
          <cell r="N56">
            <v>136</v>
          </cell>
          <cell r="O56">
            <v>98</v>
          </cell>
          <cell r="P56">
            <v>81</v>
          </cell>
          <cell r="Q56">
            <v>73</v>
          </cell>
          <cell r="R56">
            <v>37</v>
          </cell>
          <cell r="S56">
            <v>38</v>
          </cell>
          <cell r="T56">
            <v>21</v>
          </cell>
          <cell r="U56">
            <v>9</v>
          </cell>
          <cell r="V56">
            <v>8</v>
          </cell>
          <cell r="W56">
            <v>1</v>
          </cell>
          <cell r="X56">
            <v>2</v>
          </cell>
          <cell r="Y56">
            <v>0</v>
          </cell>
        </row>
        <row r="57">
          <cell r="D57">
            <v>2348</v>
          </cell>
          <cell r="E57">
            <v>87</v>
          </cell>
          <cell r="F57">
            <v>56</v>
          </cell>
          <cell r="G57">
            <v>58</v>
          </cell>
          <cell r="H57">
            <v>49</v>
          </cell>
          <cell r="I57">
            <v>256</v>
          </cell>
          <cell r="J57">
            <v>404</v>
          </cell>
          <cell r="K57">
            <v>273</v>
          </cell>
          <cell r="L57">
            <v>217</v>
          </cell>
          <cell r="M57">
            <v>188</v>
          </cell>
          <cell r="N57">
            <v>168</v>
          </cell>
          <cell r="O57">
            <v>144</v>
          </cell>
          <cell r="P57">
            <v>143</v>
          </cell>
          <cell r="Q57">
            <v>110</v>
          </cell>
          <cell r="R57">
            <v>85</v>
          </cell>
          <cell r="S57">
            <v>45</v>
          </cell>
          <cell r="T57">
            <v>26</v>
          </cell>
          <cell r="U57">
            <v>20</v>
          </cell>
          <cell r="V57">
            <v>10</v>
          </cell>
          <cell r="W57">
            <v>7</v>
          </cell>
          <cell r="X57">
            <v>1</v>
          </cell>
          <cell r="Y57">
            <v>0</v>
          </cell>
        </row>
        <row r="58">
          <cell r="D58">
            <v>6026</v>
          </cell>
          <cell r="E58">
            <v>327</v>
          </cell>
          <cell r="F58">
            <v>405</v>
          </cell>
          <cell r="G58">
            <v>296</v>
          </cell>
          <cell r="H58">
            <v>157</v>
          </cell>
          <cell r="I58">
            <v>451</v>
          </cell>
          <cell r="J58">
            <v>858</v>
          </cell>
          <cell r="K58">
            <v>832</v>
          </cell>
          <cell r="L58">
            <v>785</v>
          </cell>
          <cell r="M58">
            <v>614</v>
          </cell>
          <cell r="N58">
            <v>381</v>
          </cell>
          <cell r="O58">
            <v>248</v>
          </cell>
          <cell r="P58">
            <v>240</v>
          </cell>
          <cell r="Q58">
            <v>167</v>
          </cell>
          <cell r="R58">
            <v>113</v>
          </cell>
          <cell r="S58">
            <v>61</v>
          </cell>
          <cell r="T58">
            <v>43</v>
          </cell>
          <cell r="U58">
            <v>20</v>
          </cell>
          <cell r="V58">
            <v>22</v>
          </cell>
          <cell r="W58">
            <v>5</v>
          </cell>
          <cell r="X58">
            <v>0</v>
          </cell>
          <cell r="Y58">
            <v>0</v>
          </cell>
        </row>
        <row r="59">
          <cell r="D59">
            <v>2985</v>
          </cell>
          <cell r="E59">
            <v>179</v>
          </cell>
          <cell r="F59">
            <v>207</v>
          </cell>
          <cell r="G59">
            <v>163</v>
          </cell>
          <cell r="H59">
            <v>75</v>
          </cell>
          <cell r="I59">
            <v>243</v>
          </cell>
          <cell r="J59">
            <v>431</v>
          </cell>
          <cell r="K59">
            <v>420</v>
          </cell>
          <cell r="L59">
            <v>392</v>
          </cell>
          <cell r="M59">
            <v>344</v>
          </cell>
          <cell r="N59">
            <v>196</v>
          </cell>
          <cell r="O59">
            <v>95</v>
          </cell>
          <cell r="P59">
            <v>87</v>
          </cell>
          <cell r="Q59">
            <v>56</v>
          </cell>
          <cell r="R59">
            <v>38</v>
          </cell>
          <cell r="S59">
            <v>25</v>
          </cell>
          <cell r="T59">
            <v>18</v>
          </cell>
          <cell r="U59">
            <v>5</v>
          </cell>
          <cell r="V59">
            <v>8</v>
          </cell>
          <cell r="W59">
            <v>2</v>
          </cell>
          <cell r="X59">
            <v>0</v>
          </cell>
          <cell r="Y59">
            <v>0</v>
          </cell>
        </row>
        <row r="60">
          <cell r="D60">
            <v>3041</v>
          </cell>
          <cell r="E60">
            <v>148</v>
          </cell>
          <cell r="F60">
            <v>198</v>
          </cell>
          <cell r="G60">
            <v>133</v>
          </cell>
          <cell r="H60">
            <v>82</v>
          </cell>
          <cell r="I60">
            <v>208</v>
          </cell>
          <cell r="J60">
            <v>427</v>
          </cell>
          <cell r="K60">
            <v>412</v>
          </cell>
          <cell r="L60">
            <v>393</v>
          </cell>
          <cell r="M60">
            <v>270</v>
          </cell>
          <cell r="N60">
            <v>185</v>
          </cell>
          <cell r="O60">
            <v>153</v>
          </cell>
          <cell r="P60">
            <v>153</v>
          </cell>
          <cell r="Q60">
            <v>111</v>
          </cell>
          <cell r="R60">
            <v>75</v>
          </cell>
          <cell r="S60">
            <v>36</v>
          </cell>
          <cell r="T60">
            <v>25</v>
          </cell>
          <cell r="U60">
            <v>15</v>
          </cell>
          <cell r="V60">
            <v>14</v>
          </cell>
          <cell r="W60">
            <v>3</v>
          </cell>
          <cell r="X60">
            <v>0</v>
          </cell>
          <cell r="Y60">
            <v>0</v>
          </cell>
        </row>
        <row r="61">
          <cell r="D61">
            <v>2751</v>
          </cell>
          <cell r="E61">
            <v>92</v>
          </cell>
          <cell r="F61">
            <v>97</v>
          </cell>
          <cell r="G61">
            <v>108</v>
          </cell>
          <cell r="H61">
            <v>115</v>
          </cell>
          <cell r="I61">
            <v>347</v>
          </cell>
          <cell r="J61">
            <v>398</v>
          </cell>
          <cell r="K61">
            <v>377</v>
          </cell>
          <cell r="L61">
            <v>279</v>
          </cell>
          <cell r="M61">
            <v>218</v>
          </cell>
          <cell r="N61">
            <v>163</v>
          </cell>
          <cell r="O61">
            <v>138</v>
          </cell>
          <cell r="P61">
            <v>158</v>
          </cell>
          <cell r="Q61">
            <v>118</v>
          </cell>
          <cell r="R61">
            <v>57</v>
          </cell>
          <cell r="S61">
            <v>36</v>
          </cell>
          <cell r="T61">
            <v>28</v>
          </cell>
          <cell r="U61">
            <v>12</v>
          </cell>
          <cell r="V61">
            <v>6</v>
          </cell>
          <cell r="W61">
            <v>2</v>
          </cell>
          <cell r="X61">
            <v>2</v>
          </cell>
          <cell r="Y61">
            <v>0</v>
          </cell>
        </row>
        <row r="62">
          <cell r="D62">
            <v>1405</v>
          </cell>
          <cell r="E62">
            <v>50</v>
          </cell>
          <cell r="F62">
            <v>55</v>
          </cell>
          <cell r="G62">
            <v>48</v>
          </cell>
          <cell r="H62">
            <v>66</v>
          </cell>
          <cell r="I62">
            <v>233</v>
          </cell>
          <cell r="J62">
            <v>235</v>
          </cell>
          <cell r="K62">
            <v>230</v>
          </cell>
          <cell r="L62">
            <v>143</v>
          </cell>
          <cell r="M62">
            <v>104</v>
          </cell>
          <cell r="N62">
            <v>61</v>
          </cell>
          <cell r="O62">
            <v>48</v>
          </cell>
          <cell r="P62">
            <v>45</v>
          </cell>
          <cell r="Q62">
            <v>39</v>
          </cell>
          <cell r="R62">
            <v>20</v>
          </cell>
          <cell r="S62">
            <v>6</v>
          </cell>
          <cell r="T62">
            <v>13</v>
          </cell>
          <cell r="U62">
            <v>5</v>
          </cell>
          <cell r="V62">
            <v>2</v>
          </cell>
          <cell r="W62">
            <v>1</v>
          </cell>
          <cell r="X62">
            <v>1</v>
          </cell>
          <cell r="Y62">
            <v>0</v>
          </cell>
        </row>
        <row r="63">
          <cell r="D63">
            <v>1346</v>
          </cell>
          <cell r="E63">
            <v>42</v>
          </cell>
          <cell r="F63">
            <v>42</v>
          </cell>
          <cell r="G63">
            <v>60</v>
          </cell>
          <cell r="H63">
            <v>49</v>
          </cell>
          <cell r="I63">
            <v>114</v>
          </cell>
          <cell r="J63">
            <v>163</v>
          </cell>
          <cell r="K63">
            <v>147</v>
          </cell>
          <cell r="L63">
            <v>136</v>
          </cell>
          <cell r="M63">
            <v>114</v>
          </cell>
          <cell r="N63">
            <v>102</v>
          </cell>
          <cell r="O63">
            <v>90</v>
          </cell>
          <cell r="P63">
            <v>113</v>
          </cell>
          <cell r="Q63">
            <v>79</v>
          </cell>
          <cell r="R63">
            <v>37</v>
          </cell>
          <cell r="S63">
            <v>30</v>
          </cell>
          <cell r="T63">
            <v>15</v>
          </cell>
          <cell r="U63">
            <v>7</v>
          </cell>
          <cell r="V63">
            <v>4</v>
          </cell>
          <cell r="W63">
            <v>1</v>
          </cell>
          <cell r="X63">
            <v>1</v>
          </cell>
          <cell r="Y63">
            <v>0</v>
          </cell>
        </row>
        <row r="64">
          <cell r="D64">
            <v>1775</v>
          </cell>
          <cell r="E64">
            <v>64</v>
          </cell>
          <cell r="F64">
            <v>65</v>
          </cell>
          <cell r="G64">
            <v>49</v>
          </cell>
          <cell r="H64">
            <v>46</v>
          </cell>
          <cell r="I64">
            <v>131</v>
          </cell>
          <cell r="J64">
            <v>208</v>
          </cell>
          <cell r="K64">
            <v>236</v>
          </cell>
          <cell r="L64">
            <v>182</v>
          </cell>
          <cell r="M64">
            <v>156</v>
          </cell>
          <cell r="N64">
            <v>147</v>
          </cell>
          <cell r="O64">
            <v>139</v>
          </cell>
          <cell r="P64">
            <v>122</v>
          </cell>
          <cell r="Q64">
            <v>91</v>
          </cell>
          <cell r="R64">
            <v>51</v>
          </cell>
          <cell r="S64">
            <v>30</v>
          </cell>
          <cell r="T64">
            <v>29</v>
          </cell>
          <cell r="U64">
            <v>16</v>
          </cell>
          <cell r="V64">
            <v>10</v>
          </cell>
          <cell r="W64">
            <v>3</v>
          </cell>
          <cell r="X64">
            <v>0</v>
          </cell>
          <cell r="Y64">
            <v>0</v>
          </cell>
        </row>
        <row r="65">
          <cell r="D65">
            <v>821</v>
          </cell>
          <cell r="E65">
            <v>32</v>
          </cell>
          <cell r="F65">
            <v>26</v>
          </cell>
          <cell r="G65">
            <v>27</v>
          </cell>
          <cell r="H65">
            <v>21</v>
          </cell>
          <cell r="I65">
            <v>61</v>
          </cell>
          <cell r="J65">
            <v>100</v>
          </cell>
          <cell r="K65">
            <v>132</v>
          </cell>
          <cell r="L65">
            <v>95</v>
          </cell>
          <cell r="M65">
            <v>84</v>
          </cell>
          <cell r="N65">
            <v>61</v>
          </cell>
          <cell r="O65">
            <v>49</v>
          </cell>
          <cell r="P65">
            <v>36</v>
          </cell>
          <cell r="Q65">
            <v>40</v>
          </cell>
          <cell r="R65">
            <v>23</v>
          </cell>
          <cell r="S65">
            <v>8</v>
          </cell>
          <cell r="T65">
            <v>13</v>
          </cell>
          <cell r="U65">
            <v>6</v>
          </cell>
          <cell r="V65">
            <v>6</v>
          </cell>
          <cell r="W65">
            <v>1</v>
          </cell>
          <cell r="X65">
            <v>0</v>
          </cell>
          <cell r="Y65">
            <v>0</v>
          </cell>
        </row>
        <row r="66">
          <cell r="D66">
            <v>954</v>
          </cell>
          <cell r="E66">
            <v>32</v>
          </cell>
          <cell r="F66">
            <v>39</v>
          </cell>
          <cell r="G66">
            <v>22</v>
          </cell>
          <cell r="H66">
            <v>25</v>
          </cell>
          <cell r="I66">
            <v>70</v>
          </cell>
          <cell r="J66">
            <v>108</v>
          </cell>
          <cell r="K66">
            <v>104</v>
          </cell>
          <cell r="L66">
            <v>87</v>
          </cell>
          <cell r="M66">
            <v>72</v>
          </cell>
          <cell r="N66">
            <v>86</v>
          </cell>
          <cell r="O66">
            <v>90</v>
          </cell>
          <cell r="P66">
            <v>86</v>
          </cell>
          <cell r="Q66">
            <v>51</v>
          </cell>
          <cell r="R66">
            <v>28</v>
          </cell>
          <cell r="S66">
            <v>22</v>
          </cell>
          <cell r="T66">
            <v>16</v>
          </cell>
          <cell r="U66">
            <v>10</v>
          </cell>
          <cell r="V66">
            <v>4</v>
          </cell>
          <cell r="W66">
            <v>2</v>
          </cell>
          <cell r="X66">
            <v>0</v>
          </cell>
          <cell r="Y66">
            <v>0</v>
          </cell>
        </row>
        <row r="67">
          <cell r="D67">
            <v>2798</v>
          </cell>
          <cell r="E67">
            <v>89</v>
          </cell>
          <cell r="F67">
            <v>77</v>
          </cell>
          <cell r="G67">
            <v>86</v>
          </cell>
          <cell r="H67">
            <v>98</v>
          </cell>
          <cell r="I67">
            <v>230</v>
          </cell>
          <cell r="J67">
            <v>346</v>
          </cell>
          <cell r="K67">
            <v>318</v>
          </cell>
          <cell r="L67">
            <v>265</v>
          </cell>
          <cell r="M67">
            <v>215</v>
          </cell>
          <cell r="N67">
            <v>187</v>
          </cell>
          <cell r="O67">
            <v>203</v>
          </cell>
          <cell r="P67">
            <v>184</v>
          </cell>
          <cell r="Q67">
            <v>192</v>
          </cell>
          <cell r="R67">
            <v>113</v>
          </cell>
          <cell r="S67">
            <v>91</v>
          </cell>
          <cell r="T67">
            <v>56</v>
          </cell>
          <cell r="U67">
            <v>23</v>
          </cell>
          <cell r="V67">
            <v>19</v>
          </cell>
          <cell r="W67">
            <v>4</v>
          </cell>
          <cell r="X67">
            <v>1</v>
          </cell>
          <cell r="Y67">
            <v>1</v>
          </cell>
        </row>
        <row r="68">
          <cell r="D68">
            <v>1413</v>
          </cell>
          <cell r="E68">
            <v>47</v>
          </cell>
          <cell r="F68">
            <v>36</v>
          </cell>
          <cell r="G68">
            <v>46</v>
          </cell>
          <cell r="H68">
            <v>49</v>
          </cell>
          <cell r="I68">
            <v>153</v>
          </cell>
          <cell r="J68">
            <v>226</v>
          </cell>
          <cell r="K68">
            <v>185</v>
          </cell>
          <cell r="L68">
            <v>149</v>
          </cell>
          <cell r="M68">
            <v>93</v>
          </cell>
          <cell r="N68">
            <v>67</v>
          </cell>
          <cell r="O68">
            <v>77</v>
          </cell>
          <cell r="P68">
            <v>71</v>
          </cell>
          <cell r="Q68">
            <v>75</v>
          </cell>
          <cell r="R68">
            <v>51</v>
          </cell>
          <cell r="S68">
            <v>48</v>
          </cell>
          <cell r="T68">
            <v>19</v>
          </cell>
          <cell r="U68">
            <v>13</v>
          </cell>
          <cell r="V68">
            <v>7</v>
          </cell>
          <cell r="W68">
            <v>0</v>
          </cell>
          <cell r="X68">
            <v>1</v>
          </cell>
          <cell r="Y68">
            <v>0</v>
          </cell>
        </row>
        <row r="69">
          <cell r="D69">
            <v>1385</v>
          </cell>
          <cell r="E69">
            <v>42</v>
          </cell>
          <cell r="F69">
            <v>41</v>
          </cell>
          <cell r="G69">
            <v>40</v>
          </cell>
          <cell r="H69">
            <v>49</v>
          </cell>
          <cell r="I69">
            <v>77</v>
          </cell>
          <cell r="J69">
            <v>120</v>
          </cell>
          <cell r="K69">
            <v>133</v>
          </cell>
          <cell r="L69">
            <v>116</v>
          </cell>
          <cell r="M69">
            <v>122</v>
          </cell>
          <cell r="N69">
            <v>120</v>
          </cell>
          <cell r="O69">
            <v>126</v>
          </cell>
          <cell r="P69">
            <v>113</v>
          </cell>
          <cell r="Q69">
            <v>117</v>
          </cell>
          <cell r="R69">
            <v>62</v>
          </cell>
          <cell r="S69">
            <v>43</v>
          </cell>
          <cell r="T69">
            <v>37</v>
          </cell>
          <cell r="U69">
            <v>10</v>
          </cell>
          <cell r="V69">
            <v>12</v>
          </cell>
          <cell r="W69">
            <v>4</v>
          </cell>
          <cell r="X69">
            <v>0</v>
          </cell>
          <cell r="Y69">
            <v>1</v>
          </cell>
        </row>
        <row r="70">
          <cell r="D70">
            <v>6418</v>
          </cell>
          <cell r="E70">
            <v>237</v>
          </cell>
          <cell r="F70">
            <v>206</v>
          </cell>
          <cell r="G70">
            <v>144</v>
          </cell>
          <cell r="H70">
            <v>170</v>
          </cell>
          <cell r="I70">
            <v>779</v>
          </cell>
          <cell r="J70">
            <v>1010</v>
          </cell>
          <cell r="K70">
            <v>1004</v>
          </cell>
          <cell r="L70">
            <v>799</v>
          </cell>
          <cell r="M70">
            <v>572</v>
          </cell>
          <cell r="N70">
            <v>397</v>
          </cell>
          <cell r="O70">
            <v>328</v>
          </cell>
          <cell r="P70">
            <v>287</v>
          </cell>
          <cell r="Q70">
            <v>200</v>
          </cell>
          <cell r="R70">
            <v>128</v>
          </cell>
          <cell r="S70">
            <v>75</v>
          </cell>
          <cell r="T70">
            <v>36</v>
          </cell>
          <cell r="U70">
            <v>29</v>
          </cell>
          <cell r="V70">
            <v>9</v>
          </cell>
          <cell r="W70">
            <v>7</v>
          </cell>
          <cell r="X70">
            <v>0</v>
          </cell>
          <cell r="Y70">
            <v>1</v>
          </cell>
        </row>
        <row r="71">
          <cell r="D71">
            <v>3267</v>
          </cell>
          <cell r="E71">
            <v>126</v>
          </cell>
          <cell r="F71">
            <v>113</v>
          </cell>
          <cell r="G71">
            <v>70</v>
          </cell>
          <cell r="H71">
            <v>84</v>
          </cell>
          <cell r="I71">
            <v>375</v>
          </cell>
          <cell r="J71">
            <v>540</v>
          </cell>
          <cell r="K71">
            <v>544</v>
          </cell>
          <cell r="L71">
            <v>453</v>
          </cell>
          <cell r="M71">
            <v>287</v>
          </cell>
          <cell r="N71">
            <v>190</v>
          </cell>
          <cell r="O71">
            <v>158</v>
          </cell>
          <cell r="P71">
            <v>120</v>
          </cell>
          <cell r="Q71">
            <v>89</v>
          </cell>
          <cell r="R71">
            <v>56</v>
          </cell>
          <cell r="S71">
            <v>35</v>
          </cell>
          <cell r="T71">
            <v>13</v>
          </cell>
          <cell r="U71">
            <v>9</v>
          </cell>
          <cell r="V71">
            <v>4</v>
          </cell>
          <cell r="W71">
            <v>1</v>
          </cell>
          <cell r="X71">
            <v>0</v>
          </cell>
          <cell r="Y71">
            <v>0</v>
          </cell>
        </row>
        <row r="72">
          <cell r="D72">
            <v>3151</v>
          </cell>
          <cell r="E72">
            <v>111</v>
          </cell>
          <cell r="F72">
            <v>93</v>
          </cell>
          <cell r="G72">
            <v>74</v>
          </cell>
          <cell r="H72">
            <v>86</v>
          </cell>
          <cell r="I72">
            <v>404</v>
          </cell>
          <cell r="J72">
            <v>470</v>
          </cell>
          <cell r="K72">
            <v>460</v>
          </cell>
          <cell r="L72">
            <v>346</v>
          </cell>
          <cell r="M72">
            <v>285</v>
          </cell>
          <cell r="N72">
            <v>207</v>
          </cell>
          <cell r="O72">
            <v>170</v>
          </cell>
          <cell r="P72">
            <v>167</v>
          </cell>
          <cell r="Q72">
            <v>111</v>
          </cell>
          <cell r="R72">
            <v>72</v>
          </cell>
          <cell r="S72">
            <v>40</v>
          </cell>
          <cell r="T72">
            <v>23</v>
          </cell>
          <cell r="U72">
            <v>20</v>
          </cell>
          <cell r="V72">
            <v>5</v>
          </cell>
          <cell r="W72">
            <v>6</v>
          </cell>
          <cell r="X72">
            <v>0</v>
          </cell>
          <cell r="Y72">
            <v>1</v>
          </cell>
        </row>
        <row r="73">
          <cell r="D73">
            <v>4779</v>
          </cell>
          <cell r="E73">
            <v>204</v>
          </cell>
          <cell r="F73">
            <v>189</v>
          </cell>
          <cell r="G73">
            <v>181</v>
          </cell>
          <cell r="H73">
            <v>116</v>
          </cell>
          <cell r="I73">
            <v>359</v>
          </cell>
          <cell r="J73">
            <v>616</v>
          </cell>
          <cell r="K73">
            <v>702</v>
          </cell>
          <cell r="L73">
            <v>592</v>
          </cell>
          <cell r="M73">
            <v>476</v>
          </cell>
          <cell r="N73">
            <v>396</v>
          </cell>
          <cell r="O73">
            <v>271</v>
          </cell>
          <cell r="P73">
            <v>247</v>
          </cell>
          <cell r="Q73">
            <v>189</v>
          </cell>
          <cell r="R73">
            <v>97</v>
          </cell>
          <cell r="S73">
            <v>58</v>
          </cell>
          <cell r="T73">
            <v>40</v>
          </cell>
          <cell r="U73">
            <v>21</v>
          </cell>
          <cell r="V73">
            <v>15</v>
          </cell>
          <cell r="W73">
            <v>6</v>
          </cell>
          <cell r="X73">
            <v>4</v>
          </cell>
          <cell r="Y73">
            <v>0</v>
          </cell>
        </row>
        <row r="74">
          <cell r="D74">
            <v>2531</v>
          </cell>
          <cell r="E74">
            <v>109</v>
          </cell>
          <cell r="F74">
            <v>97</v>
          </cell>
          <cell r="G74">
            <v>86</v>
          </cell>
          <cell r="H74">
            <v>55</v>
          </cell>
          <cell r="I74">
            <v>222</v>
          </cell>
          <cell r="J74">
            <v>345</v>
          </cell>
          <cell r="K74">
            <v>405</v>
          </cell>
          <cell r="L74">
            <v>332</v>
          </cell>
          <cell r="M74">
            <v>250</v>
          </cell>
          <cell r="N74">
            <v>196</v>
          </cell>
          <cell r="O74">
            <v>121</v>
          </cell>
          <cell r="P74">
            <v>109</v>
          </cell>
          <cell r="Q74">
            <v>99</v>
          </cell>
          <cell r="R74">
            <v>49</v>
          </cell>
          <cell r="S74">
            <v>21</v>
          </cell>
          <cell r="T74">
            <v>19</v>
          </cell>
          <cell r="U74">
            <v>8</v>
          </cell>
          <cell r="V74">
            <v>6</v>
          </cell>
          <cell r="W74">
            <v>1</v>
          </cell>
          <cell r="X74">
            <v>1</v>
          </cell>
          <cell r="Y74">
            <v>0</v>
          </cell>
        </row>
        <row r="75">
          <cell r="D75">
            <v>2248</v>
          </cell>
          <cell r="E75">
            <v>95</v>
          </cell>
          <cell r="F75">
            <v>92</v>
          </cell>
          <cell r="G75">
            <v>95</v>
          </cell>
          <cell r="H75">
            <v>61</v>
          </cell>
          <cell r="I75">
            <v>137</v>
          </cell>
          <cell r="J75">
            <v>271</v>
          </cell>
          <cell r="K75">
            <v>297</v>
          </cell>
          <cell r="L75">
            <v>260</v>
          </cell>
          <cell r="M75">
            <v>226</v>
          </cell>
          <cell r="N75">
            <v>200</v>
          </cell>
          <cell r="O75">
            <v>150</v>
          </cell>
          <cell r="P75">
            <v>138</v>
          </cell>
          <cell r="Q75">
            <v>90</v>
          </cell>
          <cell r="R75">
            <v>48</v>
          </cell>
          <cell r="S75">
            <v>37</v>
          </cell>
          <cell r="T75">
            <v>21</v>
          </cell>
          <cell r="U75">
            <v>13</v>
          </cell>
          <cell r="V75">
            <v>9</v>
          </cell>
          <cell r="W75">
            <v>5</v>
          </cell>
          <cell r="X75">
            <v>3</v>
          </cell>
          <cell r="Y75">
            <v>0</v>
          </cell>
        </row>
        <row r="77">
          <cell r="D77">
            <v>61597</v>
          </cell>
          <cell r="E77">
            <v>1978</v>
          </cell>
          <cell r="F77">
            <v>1904</v>
          </cell>
          <cell r="G77">
            <v>1682</v>
          </cell>
          <cell r="H77">
            <v>1793</v>
          </cell>
          <cell r="I77">
            <v>6872</v>
          </cell>
          <cell r="J77">
            <v>10554</v>
          </cell>
          <cell r="K77">
            <v>9622</v>
          </cell>
          <cell r="L77">
            <v>7316</v>
          </cell>
          <cell r="M77">
            <v>5161</v>
          </cell>
          <cell r="N77">
            <v>3701</v>
          </cell>
          <cell r="O77">
            <v>2961</v>
          </cell>
          <cell r="P77">
            <v>2657</v>
          </cell>
          <cell r="Q77">
            <v>2108</v>
          </cell>
          <cell r="R77">
            <v>1260</v>
          </cell>
          <cell r="S77">
            <v>883</v>
          </cell>
          <cell r="T77">
            <v>536</v>
          </cell>
          <cell r="U77">
            <v>317</v>
          </cell>
          <cell r="V77">
            <v>196</v>
          </cell>
          <cell r="W77">
            <v>75</v>
          </cell>
          <cell r="X77">
            <v>17</v>
          </cell>
          <cell r="Y77">
            <v>4</v>
          </cell>
        </row>
        <row r="78">
          <cell r="D78">
            <v>31442</v>
          </cell>
          <cell r="E78">
            <v>1006</v>
          </cell>
          <cell r="F78">
            <v>1009</v>
          </cell>
          <cell r="G78">
            <v>872</v>
          </cell>
          <cell r="H78">
            <v>940</v>
          </cell>
          <cell r="I78">
            <v>3855</v>
          </cell>
          <cell r="J78">
            <v>5780</v>
          </cell>
          <cell r="K78">
            <v>5361</v>
          </cell>
          <cell r="L78">
            <v>3929</v>
          </cell>
          <cell r="M78">
            <v>2619</v>
          </cell>
          <cell r="N78">
            <v>1744</v>
          </cell>
          <cell r="O78">
            <v>1215</v>
          </cell>
          <cell r="P78">
            <v>1023</v>
          </cell>
          <cell r="Q78">
            <v>813</v>
          </cell>
          <cell r="R78">
            <v>479</v>
          </cell>
          <cell r="S78">
            <v>382</v>
          </cell>
          <cell r="T78">
            <v>235</v>
          </cell>
          <cell r="U78">
            <v>98</v>
          </cell>
          <cell r="V78">
            <v>58</v>
          </cell>
          <cell r="W78">
            <v>21</v>
          </cell>
          <cell r="X78">
            <v>2</v>
          </cell>
          <cell r="Y78">
            <v>1</v>
          </cell>
        </row>
        <row r="79">
          <cell r="D79">
            <v>30155</v>
          </cell>
          <cell r="E79">
            <v>972</v>
          </cell>
          <cell r="F79">
            <v>895</v>
          </cell>
          <cell r="G79">
            <v>810</v>
          </cell>
          <cell r="H79">
            <v>853</v>
          </cell>
          <cell r="I79">
            <v>3017</v>
          </cell>
          <cell r="J79">
            <v>4774</v>
          </cell>
          <cell r="K79">
            <v>4261</v>
          </cell>
          <cell r="L79">
            <v>3387</v>
          </cell>
          <cell r="M79">
            <v>2542</v>
          </cell>
          <cell r="N79">
            <v>1957</v>
          </cell>
          <cell r="O79">
            <v>1746</v>
          </cell>
          <cell r="P79">
            <v>1634</v>
          </cell>
          <cell r="Q79">
            <v>1295</v>
          </cell>
          <cell r="R79">
            <v>781</v>
          </cell>
          <cell r="S79">
            <v>501</v>
          </cell>
          <cell r="T79">
            <v>301</v>
          </cell>
          <cell r="U79">
            <v>219</v>
          </cell>
          <cell r="V79">
            <v>138</v>
          </cell>
          <cell r="W79">
            <v>54</v>
          </cell>
          <cell r="X79">
            <v>15</v>
          </cell>
          <cell r="Y79">
            <v>3</v>
          </cell>
        </row>
        <row r="81">
          <cell r="D81">
            <v>21679</v>
          </cell>
          <cell r="E81">
            <v>772</v>
          </cell>
          <cell r="F81">
            <v>829</v>
          </cell>
          <cell r="G81">
            <v>756</v>
          </cell>
          <cell r="H81">
            <v>651</v>
          </cell>
          <cell r="I81">
            <v>2162</v>
          </cell>
          <cell r="J81">
            <v>3393</v>
          </cell>
          <cell r="K81">
            <v>3027</v>
          </cell>
          <cell r="L81">
            <v>2599</v>
          </cell>
          <cell r="M81">
            <v>1857</v>
          </cell>
          <cell r="N81">
            <v>1303</v>
          </cell>
          <cell r="O81">
            <v>1055</v>
          </cell>
          <cell r="P81">
            <v>1043</v>
          </cell>
          <cell r="Q81">
            <v>820</v>
          </cell>
          <cell r="R81">
            <v>506</v>
          </cell>
          <cell r="S81">
            <v>391</v>
          </cell>
          <cell r="T81">
            <v>223</v>
          </cell>
          <cell r="U81">
            <v>154</v>
          </cell>
          <cell r="V81">
            <v>96</v>
          </cell>
          <cell r="W81">
            <v>36</v>
          </cell>
          <cell r="X81">
            <v>4</v>
          </cell>
          <cell r="Y81">
            <v>2</v>
          </cell>
        </row>
        <row r="82">
          <cell r="D82">
            <v>11145</v>
          </cell>
          <cell r="E82">
            <v>386</v>
          </cell>
          <cell r="F82">
            <v>441</v>
          </cell>
          <cell r="G82">
            <v>388</v>
          </cell>
          <cell r="H82">
            <v>370</v>
          </cell>
          <cell r="I82">
            <v>1287</v>
          </cell>
          <cell r="J82">
            <v>1924</v>
          </cell>
          <cell r="K82">
            <v>1759</v>
          </cell>
          <cell r="L82">
            <v>1424</v>
          </cell>
          <cell r="M82">
            <v>925</v>
          </cell>
          <cell r="N82">
            <v>604</v>
          </cell>
          <cell r="O82">
            <v>425</v>
          </cell>
          <cell r="P82">
            <v>383</v>
          </cell>
          <cell r="Q82">
            <v>304</v>
          </cell>
          <cell r="R82">
            <v>192</v>
          </cell>
          <cell r="S82">
            <v>170</v>
          </cell>
          <cell r="T82">
            <v>96</v>
          </cell>
          <cell r="U82">
            <v>40</v>
          </cell>
          <cell r="V82">
            <v>20</v>
          </cell>
          <cell r="W82">
            <v>7</v>
          </cell>
          <cell r="X82">
            <v>0</v>
          </cell>
          <cell r="Y82">
            <v>0</v>
          </cell>
        </row>
        <row r="83">
          <cell r="D83">
            <v>10534</v>
          </cell>
          <cell r="E83">
            <v>386</v>
          </cell>
          <cell r="F83">
            <v>388</v>
          </cell>
          <cell r="G83">
            <v>368</v>
          </cell>
          <cell r="H83">
            <v>281</v>
          </cell>
          <cell r="I83">
            <v>875</v>
          </cell>
          <cell r="J83">
            <v>1469</v>
          </cell>
          <cell r="K83">
            <v>1268</v>
          </cell>
          <cell r="L83">
            <v>1175</v>
          </cell>
          <cell r="M83">
            <v>932</v>
          </cell>
          <cell r="N83">
            <v>699</v>
          </cell>
          <cell r="O83">
            <v>630</v>
          </cell>
          <cell r="P83">
            <v>660</v>
          </cell>
          <cell r="Q83">
            <v>516</v>
          </cell>
          <cell r="R83">
            <v>314</v>
          </cell>
          <cell r="S83">
            <v>221</v>
          </cell>
          <cell r="T83">
            <v>127</v>
          </cell>
          <cell r="U83">
            <v>114</v>
          </cell>
          <cell r="V83">
            <v>76</v>
          </cell>
          <cell r="W83">
            <v>29</v>
          </cell>
          <cell r="X83">
            <v>4</v>
          </cell>
          <cell r="Y83">
            <v>2</v>
          </cell>
        </row>
        <row r="84">
          <cell r="D84">
            <v>7864</v>
          </cell>
          <cell r="E84">
            <v>354</v>
          </cell>
          <cell r="F84">
            <v>306</v>
          </cell>
          <cell r="G84">
            <v>278</v>
          </cell>
          <cell r="H84">
            <v>260</v>
          </cell>
          <cell r="I84">
            <v>651</v>
          </cell>
          <cell r="J84">
            <v>1061</v>
          </cell>
          <cell r="K84">
            <v>1215</v>
          </cell>
          <cell r="L84">
            <v>990</v>
          </cell>
          <cell r="M84">
            <v>741</v>
          </cell>
          <cell r="N84">
            <v>551</v>
          </cell>
          <cell r="O84">
            <v>413</v>
          </cell>
          <cell r="P84">
            <v>339</v>
          </cell>
          <cell r="Q84">
            <v>287</v>
          </cell>
          <cell r="R84">
            <v>163</v>
          </cell>
          <cell r="S84">
            <v>120</v>
          </cell>
          <cell r="T84">
            <v>64</v>
          </cell>
          <cell r="U84">
            <v>32</v>
          </cell>
          <cell r="V84">
            <v>27</v>
          </cell>
          <cell r="W84">
            <v>9</v>
          </cell>
          <cell r="X84">
            <v>3</v>
          </cell>
          <cell r="Y84">
            <v>0</v>
          </cell>
        </row>
        <row r="85">
          <cell r="D85">
            <v>3859</v>
          </cell>
          <cell r="E85">
            <v>178</v>
          </cell>
          <cell r="F85">
            <v>161</v>
          </cell>
          <cell r="G85">
            <v>147</v>
          </cell>
          <cell r="H85">
            <v>131</v>
          </cell>
          <cell r="I85">
            <v>385</v>
          </cell>
          <cell r="J85">
            <v>562</v>
          </cell>
          <cell r="K85">
            <v>658</v>
          </cell>
          <cell r="L85">
            <v>499</v>
          </cell>
          <cell r="M85">
            <v>349</v>
          </cell>
          <cell r="N85">
            <v>257</v>
          </cell>
          <cell r="O85">
            <v>168</v>
          </cell>
          <cell r="P85">
            <v>115</v>
          </cell>
          <cell r="Q85">
            <v>106</v>
          </cell>
          <cell r="R85">
            <v>45</v>
          </cell>
          <cell r="S85">
            <v>52</v>
          </cell>
          <cell r="T85">
            <v>24</v>
          </cell>
          <cell r="U85">
            <v>11</v>
          </cell>
          <cell r="V85">
            <v>9</v>
          </cell>
          <cell r="W85">
            <v>2</v>
          </cell>
          <cell r="X85">
            <v>0</v>
          </cell>
          <cell r="Y85">
            <v>0</v>
          </cell>
        </row>
        <row r="86">
          <cell r="D86">
            <v>4005</v>
          </cell>
          <cell r="E86">
            <v>176</v>
          </cell>
          <cell r="F86">
            <v>145</v>
          </cell>
          <cell r="G86">
            <v>131</v>
          </cell>
          <cell r="H86">
            <v>129</v>
          </cell>
          <cell r="I86">
            <v>266</v>
          </cell>
          <cell r="J86">
            <v>499</v>
          </cell>
          <cell r="K86">
            <v>557</v>
          </cell>
          <cell r="L86">
            <v>491</v>
          </cell>
          <cell r="M86">
            <v>392</v>
          </cell>
          <cell r="N86">
            <v>294</v>
          </cell>
          <cell r="O86">
            <v>245</v>
          </cell>
          <cell r="P86">
            <v>224</v>
          </cell>
          <cell r="Q86">
            <v>181</v>
          </cell>
          <cell r="R86">
            <v>118</v>
          </cell>
          <cell r="S86">
            <v>68</v>
          </cell>
          <cell r="T86">
            <v>40</v>
          </cell>
          <cell r="U86">
            <v>21</v>
          </cell>
          <cell r="V86">
            <v>18</v>
          </cell>
          <cell r="W86">
            <v>7</v>
          </cell>
          <cell r="X86">
            <v>3</v>
          </cell>
          <cell r="Y86">
            <v>0</v>
          </cell>
        </row>
        <row r="87">
          <cell r="D87">
            <v>7930</v>
          </cell>
          <cell r="E87">
            <v>192</v>
          </cell>
          <cell r="F87">
            <v>169</v>
          </cell>
          <cell r="G87">
            <v>140</v>
          </cell>
          <cell r="H87">
            <v>226</v>
          </cell>
          <cell r="I87">
            <v>801</v>
          </cell>
          <cell r="J87">
            <v>1520</v>
          </cell>
          <cell r="K87">
            <v>1434</v>
          </cell>
          <cell r="L87">
            <v>1008</v>
          </cell>
          <cell r="M87">
            <v>693</v>
          </cell>
          <cell r="N87">
            <v>500</v>
          </cell>
          <cell r="O87">
            <v>357</v>
          </cell>
          <cell r="P87">
            <v>273</v>
          </cell>
          <cell r="Q87">
            <v>257</v>
          </cell>
          <cell r="R87">
            <v>147</v>
          </cell>
          <cell r="S87">
            <v>77</v>
          </cell>
          <cell r="T87">
            <v>68</v>
          </cell>
          <cell r="U87">
            <v>37</v>
          </cell>
          <cell r="V87">
            <v>19</v>
          </cell>
          <cell r="W87">
            <v>8</v>
          </cell>
          <cell r="X87">
            <v>4</v>
          </cell>
          <cell r="Y87">
            <v>0</v>
          </cell>
        </row>
        <row r="88">
          <cell r="D88">
            <v>3903</v>
          </cell>
          <cell r="E88">
            <v>105</v>
          </cell>
          <cell r="F88">
            <v>92</v>
          </cell>
          <cell r="G88">
            <v>66</v>
          </cell>
          <cell r="H88">
            <v>104</v>
          </cell>
          <cell r="I88">
            <v>382</v>
          </cell>
          <cell r="J88">
            <v>746</v>
          </cell>
          <cell r="K88">
            <v>746</v>
          </cell>
          <cell r="L88">
            <v>521</v>
          </cell>
          <cell r="M88">
            <v>373</v>
          </cell>
          <cell r="N88">
            <v>247</v>
          </cell>
          <cell r="O88">
            <v>143</v>
          </cell>
          <cell r="P88">
            <v>120</v>
          </cell>
          <cell r="Q88">
            <v>103</v>
          </cell>
          <cell r="R88">
            <v>62</v>
          </cell>
          <cell r="S88">
            <v>36</v>
          </cell>
          <cell r="T88">
            <v>34</v>
          </cell>
          <cell r="U88">
            <v>11</v>
          </cell>
          <cell r="V88">
            <v>7</v>
          </cell>
          <cell r="W88">
            <v>4</v>
          </cell>
          <cell r="X88">
            <v>1</v>
          </cell>
          <cell r="Y88">
            <v>0</v>
          </cell>
        </row>
        <row r="89">
          <cell r="D89">
            <v>4027</v>
          </cell>
          <cell r="E89">
            <v>87</v>
          </cell>
          <cell r="F89">
            <v>77</v>
          </cell>
          <cell r="G89">
            <v>74</v>
          </cell>
          <cell r="H89">
            <v>122</v>
          </cell>
          <cell r="I89">
            <v>419</v>
          </cell>
          <cell r="J89">
            <v>774</v>
          </cell>
          <cell r="K89">
            <v>688</v>
          </cell>
          <cell r="L89">
            <v>487</v>
          </cell>
          <cell r="M89">
            <v>320</v>
          </cell>
          <cell r="N89">
            <v>253</v>
          </cell>
          <cell r="O89">
            <v>214</v>
          </cell>
          <cell r="P89">
            <v>153</v>
          </cell>
          <cell r="Q89">
            <v>154</v>
          </cell>
          <cell r="R89">
            <v>85</v>
          </cell>
          <cell r="S89">
            <v>41</v>
          </cell>
          <cell r="T89">
            <v>34</v>
          </cell>
          <cell r="U89">
            <v>26</v>
          </cell>
          <cell r="V89">
            <v>12</v>
          </cell>
          <cell r="W89">
            <v>4</v>
          </cell>
          <cell r="X89">
            <v>3</v>
          </cell>
          <cell r="Y89">
            <v>0</v>
          </cell>
        </row>
        <row r="90">
          <cell r="D90">
            <v>7069</v>
          </cell>
          <cell r="E90">
            <v>161</v>
          </cell>
          <cell r="F90">
            <v>172</v>
          </cell>
          <cell r="G90">
            <v>167</v>
          </cell>
          <cell r="H90">
            <v>171</v>
          </cell>
          <cell r="I90">
            <v>857</v>
          </cell>
          <cell r="J90">
            <v>1329</v>
          </cell>
          <cell r="K90">
            <v>1190</v>
          </cell>
          <cell r="L90">
            <v>815</v>
          </cell>
          <cell r="M90">
            <v>545</v>
          </cell>
          <cell r="N90">
            <v>434</v>
          </cell>
          <cell r="O90">
            <v>332</v>
          </cell>
          <cell r="P90">
            <v>304</v>
          </cell>
          <cell r="Q90">
            <v>222</v>
          </cell>
          <cell r="R90">
            <v>148</v>
          </cell>
          <cell r="S90">
            <v>91</v>
          </cell>
          <cell r="T90">
            <v>67</v>
          </cell>
          <cell r="U90">
            <v>36</v>
          </cell>
          <cell r="V90">
            <v>15</v>
          </cell>
          <cell r="W90">
            <v>8</v>
          </cell>
          <cell r="X90">
            <v>4</v>
          </cell>
          <cell r="Y90">
            <v>1</v>
          </cell>
        </row>
        <row r="91">
          <cell r="D91">
            <v>3629</v>
          </cell>
          <cell r="E91">
            <v>86</v>
          </cell>
          <cell r="F91">
            <v>85</v>
          </cell>
          <cell r="G91">
            <v>80</v>
          </cell>
          <cell r="H91">
            <v>84</v>
          </cell>
          <cell r="I91">
            <v>472</v>
          </cell>
          <cell r="J91">
            <v>751</v>
          </cell>
          <cell r="K91">
            <v>687</v>
          </cell>
          <cell r="L91">
            <v>429</v>
          </cell>
          <cell r="M91">
            <v>273</v>
          </cell>
          <cell r="N91">
            <v>206</v>
          </cell>
          <cell r="O91">
            <v>136</v>
          </cell>
          <cell r="P91">
            <v>115</v>
          </cell>
          <cell r="Q91">
            <v>85</v>
          </cell>
          <cell r="R91">
            <v>47</v>
          </cell>
          <cell r="S91">
            <v>37</v>
          </cell>
          <cell r="T91">
            <v>33</v>
          </cell>
          <cell r="U91">
            <v>16</v>
          </cell>
          <cell r="V91">
            <v>4</v>
          </cell>
          <cell r="W91">
            <v>2</v>
          </cell>
          <cell r="X91">
            <v>1</v>
          </cell>
          <cell r="Y91">
            <v>0</v>
          </cell>
        </row>
        <row r="92">
          <cell r="D92">
            <v>3440</v>
          </cell>
          <cell r="E92">
            <v>75</v>
          </cell>
          <cell r="F92">
            <v>87</v>
          </cell>
          <cell r="G92">
            <v>87</v>
          </cell>
          <cell r="H92">
            <v>87</v>
          </cell>
          <cell r="I92">
            <v>385</v>
          </cell>
          <cell r="J92">
            <v>578</v>
          </cell>
          <cell r="K92">
            <v>503</v>
          </cell>
          <cell r="L92">
            <v>386</v>
          </cell>
          <cell r="M92">
            <v>272</v>
          </cell>
          <cell r="N92">
            <v>228</v>
          </cell>
          <cell r="O92">
            <v>196</v>
          </cell>
          <cell r="P92">
            <v>189</v>
          </cell>
          <cell r="Q92">
            <v>137</v>
          </cell>
          <cell r="R92">
            <v>101</v>
          </cell>
          <cell r="S92">
            <v>54</v>
          </cell>
          <cell r="T92">
            <v>34</v>
          </cell>
          <cell r="U92">
            <v>20</v>
          </cell>
          <cell r="V92">
            <v>11</v>
          </cell>
          <cell r="W92">
            <v>6</v>
          </cell>
          <cell r="X92">
            <v>3</v>
          </cell>
          <cell r="Y92">
            <v>1</v>
          </cell>
        </row>
        <row r="93">
          <cell r="D93">
            <v>7048</v>
          </cell>
          <cell r="E93">
            <v>200</v>
          </cell>
          <cell r="F93">
            <v>155</v>
          </cell>
          <cell r="G93">
            <v>122</v>
          </cell>
          <cell r="H93">
            <v>223</v>
          </cell>
          <cell r="I93">
            <v>1057</v>
          </cell>
          <cell r="J93">
            <v>1519</v>
          </cell>
          <cell r="K93">
            <v>1198</v>
          </cell>
          <cell r="L93">
            <v>790</v>
          </cell>
          <cell r="M93">
            <v>484</v>
          </cell>
          <cell r="N93">
            <v>331</v>
          </cell>
          <cell r="O93">
            <v>274</v>
          </cell>
          <cell r="P93">
            <v>268</v>
          </cell>
          <cell r="Q93">
            <v>200</v>
          </cell>
          <cell r="R93">
            <v>102</v>
          </cell>
          <cell r="S93">
            <v>50</v>
          </cell>
          <cell r="T93">
            <v>35</v>
          </cell>
          <cell r="U93">
            <v>24</v>
          </cell>
          <cell r="V93">
            <v>11</v>
          </cell>
          <cell r="W93">
            <v>4</v>
          </cell>
          <cell r="X93">
            <v>1</v>
          </cell>
          <cell r="Y93">
            <v>0</v>
          </cell>
        </row>
        <row r="94">
          <cell r="D94">
            <v>3712</v>
          </cell>
          <cell r="E94">
            <v>100</v>
          </cell>
          <cell r="F94">
            <v>81</v>
          </cell>
          <cell r="G94">
            <v>71</v>
          </cell>
          <cell r="H94">
            <v>114</v>
          </cell>
          <cell r="I94">
            <v>579</v>
          </cell>
          <cell r="J94">
            <v>854</v>
          </cell>
          <cell r="K94">
            <v>664</v>
          </cell>
          <cell r="L94">
            <v>448</v>
          </cell>
          <cell r="M94">
            <v>252</v>
          </cell>
          <cell r="N94">
            <v>148</v>
          </cell>
          <cell r="O94">
            <v>120</v>
          </cell>
          <cell r="P94">
            <v>105</v>
          </cell>
          <cell r="Q94">
            <v>82</v>
          </cell>
          <cell r="R94">
            <v>46</v>
          </cell>
          <cell r="S94">
            <v>17</v>
          </cell>
          <cell r="T94">
            <v>14</v>
          </cell>
          <cell r="U94">
            <v>10</v>
          </cell>
          <cell r="V94">
            <v>4</v>
          </cell>
          <cell r="W94">
            <v>3</v>
          </cell>
          <cell r="X94">
            <v>0</v>
          </cell>
          <cell r="Y94">
            <v>0</v>
          </cell>
        </row>
        <row r="95">
          <cell r="D95">
            <v>3336</v>
          </cell>
          <cell r="E95">
            <v>100</v>
          </cell>
          <cell r="F95">
            <v>74</v>
          </cell>
          <cell r="G95">
            <v>51</v>
          </cell>
          <cell r="H95">
            <v>109</v>
          </cell>
          <cell r="I95">
            <v>478</v>
          </cell>
          <cell r="J95">
            <v>665</v>
          </cell>
          <cell r="K95">
            <v>534</v>
          </cell>
          <cell r="L95">
            <v>342</v>
          </cell>
          <cell r="M95">
            <v>232</v>
          </cell>
          <cell r="N95">
            <v>183</v>
          </cell>
          <cell r="O95">
            <v>154</v>
          </cell>
          <cell r="P95">
            <v>163</v>
          </cell>
          <cell r="Q95">
            <v>118</v>
          </cell>
          <cell r="R95">
            <v>56</v>
          </cell>
          <cell r="S95">
            <v>33</v>
          </cell>
          <cell r="T95">
            <v>21</v>
          </cell>
          <cell r="U95">
            <v>14</v>
          </cell>
          <cell r="V95">
            <v>7</v>
          </cell>
          <cell r="W95">
            <v>1</v>
          </cell>
          <cell r="X95">
            <v>1</v>
          </cell>
          <cell r="Y95">
            <v>0</v>
          </cell>
        </row>
        <row r="96">
          <cell r="D96">
            <v>5691</v>
          </cell>
          <cell r="E96">
            <v>155</v>
          </cell>
          <cell r="F96">
            <v>156</v>
          </cell>
          <cell r="G96">
            <v>121</v>
          </cell>
          <cell r="H96">
            <v>160</v>
          </cell>
          <cell r="I96">
            <v>709</v>
          </cell>
          <cell r="J96">
            <v>960</v>
          </cell>
          <cell r="K96">
            <v>859</v>
          </cell>
          <cell r="L96">
            <v>666</v>
          </cell>
          <cell r="M96">
            <v>485</v>
          </cell>
          <cell r="N96">
            <v>344</v>
          </cell>
          <cell r="O96">
            <v>301</v>
          </cell>
          <cell r="P96">
            <v>262</v>
          </cell>
          <cell r="Q96">
            <v>200</v>
          </cell>
          <cell r="R96">
            <v>114</v>
          </cell>
          <cell r="S96">
            <v>101</v>
          </cell>
          <cell r="T96">
            <v>58</v>
          </cell>
          <cell r="U96">
            <v>19</v>
          </cell>
          <cell r="V96">
            <v>16</v>
          </cell>
          <cell r="W96">
            <v>5</v>
          </cell>
          <cell r="X96">
            <v>0</v>
          </cell>
          <cell r="Y96">
            <v>0</v>
          </cell>
        </row>
        <row r="97">
          <cell r="D97">
            <v>2928</v>
          </cell>
          <cell r="E97">
            <v>80</v>
          </cell>
          <cell r="F97">
            <v>87</v>
          </cell>
          <cell r="G97">
            <v>62</v>
          </cell>
          <cell r="H97">
            <v>78</v>
          </cell>
          <cell r="I97">
            <v>391</v>
          </cell>
          <cell r="J97">
            <v>544</v>
          </cell>
          <cell r="K97">
            <v>469</v>
          </cell>
          <cell r="L97">
            <v>366</v>
          </cell>
          <cell r="M97">
            <v>253</v>
          </cell>
          <cell r="N97">
            <v>162</v>
          </cell>
          <cell r="O97">
            <v>124</v>
          </cell>
          <cell r="P97">
            <v>101</v>
          </cell>
          <cell r="Q97">
            <v>77</v>
          </cell>
          <cell r="R97">
            <v>50</v>
          </cell>
          <cell r="S97">
            <v>46</v>
          </cell>
          <cell r="T97">
            <v>24</v>
          </cell>
          <cell r="U97">
            <v>5</v>
          </cell>
          <cell r="V97">
            <v>8</v>
          </cell>
          <cell r="W97">
            <v>1</v>
          </cell>
          <cell r="X97">
            <v>0</v>
          </cell>
          <cell r="Y97">
            <v>0</v>
          </cell>
        </row>
        <row r="98">
          <cell r="D98">
            <v>2763</v>
          </cell>
          <cell r="E98">
            <v>75</v>
          </cell>
          <cell r="F98">
            <v>69</v>
          </cell>
          <cell r="G98">
            <v>59</v>
          </cell>
          <cell r="H98">
            <v>82</v>
          </cell>
          <cell r="I98">
            <v>318</v>
          </cell>
          <cell r="J98">
            <v>416</v>
          </cell>
          <cell r="K98">
            <v>390</v>
          </cell>
          <cell r="L98">
            <v>300</v>
          </cell>
          <cell r="M98">
            <v>232</v>
          </cell>
          <cell r="N98">
            <v>182</v>
          </cell>
          <cell r="O98">
            <v>177</v>
          </cell>
          <cell r="P98">
            <v>161</v>
          </cell>
          <cell r="Q98">
            <v>123</v>
          </cell>
          <cell r="R98">
            <v>64</v>
          </cell>
          <cell r="S98">
            <v>55</v>
          </cell>
          <cell r="T98">
            <v>34</v>
          </cell>
          <cell r="U98">
            <v>14</v>
          </cell>
          <cell r="V98">
            <v>8</v>
          </cell>
          <cell r="W98">
            <v>4</v>
          </cell>
          <cell r="X98">
            <v>0</v>
          </cell>
          <cell r="Y98">
            <v>0</v>
          </cell>
        </row>
        <row r="99">
          <cell r="D99">
            <v>4316</v>
          </cell>
          <cell r="E99">
            <v>144</v>
          </cell>
          <cell r="F99">
            <v>117</v>
          </cell>
          <cell r="G99">
            <v>98</v>
          </cell>
          <cell r="H99">
            <v>102</v>
          </cell>
          <cell r="I99">
            <v>635</v>
          </cell>
          <cell r="J99">
            <v>772</v>
          </cell>
          <cell r="K99">
            <v>699</v>
          </cell>
          <cell r="L99">
            <v>448</v>
          </cell>
          <cell r="M99">
            <v>356</v>
          </cell>
          <cell r="N99">
            <v>238</v>
          </cell>
          <cell r="O99">
            <v>229</v>
          </cell>
          <cell r="P99">
            <v>168</v>
          </cell>
          <cell r="Q99">
            <v>122</v>
          </cell>
          <cell r="R99">
            <v>80</v>
          </cell>
          <cell r="S99">
            <v>53</v>
          </cell>
          <cell r="T99">
            <v>21</v>
          </cell>
          <cell r="U99">
            <v>15</v>
          </cell>
          <cell r="V99">
            <v>12</v>
          </cell>
          <cell r="W99">
            <v>5</v>
          </cell>
          <cell r="X99">
            <v>1</v>
          </cell>
          <cell r="Y99">
            <v>1</v>
          </cell>
        </row>
        <row r="100">
          <cell r="D100">
            <v>2266</v>
          </cell>
          <cell r="E100">
            <v>71</v>
          </cell>
          <cell r="F100">
            <v>62</v>
          </cell>
          <cell r="G100">
            <v>58</v>
          </cell>
          <cell r="H100">
            <v>59</v>
          </cell>
          <cell r="I100">
            <v>359</v>
          </cell>
          <cell r="J100">
            <v>399</v>
          </cell>
          <cell r="K100">
            <v>378</v>
          </cell>
          <cell r="L100">
            <v>242</v>
          </cell>
          <cell r="M100">
            <v>194</v>
          </cell>
          <cell r="N100">
            <v>120</v>
          </cell>
          <cell r="O100">
            <v>99</v>
          </cell>
          <cell r="P100">
            <v>84</v>
          </cell>
          <cell r="Q100">
            <v>56</v>
          </cell>
          <cell r="R100">
            <v>37</v>
          </cell>
          <cell r="S100">
            <v>24</v>
          </cell>
          <cell r="T100">
            <v>10</v>
          </cell>
          <cell r="U100">
            <v>5</v>
          </cell>
          <cell r="V100">
            <v>6</v>
          </cell>
          <cell r="W100">
            <v>2</v>
          </cell>
          <cell r="X100">
            <v>0</v>
          </cell>
          <cell r="Y100">
            <v>1</v>
          </cell>
        </row>
        <row r="101">
          <cell r="D101">
            <v>2050</v>
          </cell>
          <cell r="E101">
            <v>73</v>
          </cell>
          <cell r="F101">
            <v>55</v>
          </cell>
          <cell r="G101">
            <v>40</v>
          </cell>
          <cell r="H101">
            <v>43</v>
          </cell>
          <cell r="I101">
            <v>276</v>
          </cell>
          <cell r="J101">
            <v>373</v>
          </cell>
          <cell r="K101">
            <v>321</v>
          </cell>
          <cell r="L101">
            <v>206</v>
          </cell>
          <cell r="M101">
            <v>162</v>
          </cell>
          <cell r="N101">
            <v>118</v>
          </cell>
          <cell r="O101">
            <v>130</v>
          </cell>
          <cell r="P101">
            <v>84</v>
          </cell>
          <cell r="Q101">
            <v>66</v>
          </cell>
          <cell r="R101">
            <v>43</v>
          </cell>
          <cell r="S101">
            <v>29</v>
          </cell>
          <cell r="T101">
            <v>11</v>
          </cell>
          <cell r="U101">
            <v>10</v>
          </cell>
          <cell r="V101">
            <v>6</v>
          </cell>
          <cell r="W101">
            <v>3</v>
          </cell>
          <cell r="X101">
            <v>1</v>
          </cell>
          <cell r="Y101">
            <v>0</v>
          </cell>
        </row>
        <row r="103">
          <cell r="D103">
            <v>22138</v>
          </cell>
          <cell r="E103">
            <v>747</v>
          </cell>
          <cell r="F103">
            <v>584</v>
          </cell>
          <cell r="G103">
            <v>563</v>
          </cell>
          <cell r="H103">
            <v>656</v>
          </cell>
          <cell r="I103">
            <v>3346</v>
          </cell>
          <cell r="J103">
            <v>4030</v>
          </cell>
          <cell r="K103">
            <v>3099</v>
          </cell>
          <cell r="L103">
            <v>2078</v>
          </cell>
          <cell r="M103">
            <v>1554</v>
          </cell>
          <cell r="N103">
            <v>1338</v>
          </cell>
          <cell r="O103">
            <v>1102</v>
          </cell>
          <cell r="P103">
            <v>1128</v>
          </cell>
          <cell r="Q103">
            <v>821</v>
          </cell>
          <cell r="R103">
            <v>503</v>
          </cell>
          <cell r="S103">
            <v>279</v>
          </cell>
          <cell r="T103">
            <v>163</v>
          </cell>
          <cell r="U103">
            <v>83</v>
          </cell>
          <cell r="V103">
            <v>40</v>
          </cell>
          <cell r="W103">
            <v>19</v>
          </cell>
          <cell r="X103">
            <v>4</v>
          </cell>
          <cell r="Y103">
            <v>1</v>
          </cell>
        </row>
        <row r="104">
          <cell r="D104">
            <v>11199</v>
          </cell>
          <cell r="E104">
            <v>390</v>
          </cell>
          <cell r="F104">
            <v>296</v>
          </cell>
          <cell r="G104">
            <v>301</v>
          </cell>
          <cell r="H104">
            <v>326</v>
          </cell>
          <cell r="I104">
            <v>1844</v>
          </cell>
          <cell r="J104">
            <v>2220</v>
          </cell>
          <cell r="K104">
            <v>1728</v>
          </cell>
          <cell r="L104">
            <v>1118</v>
          </cell>
          <cell r="M104">
            <v>764</v>
          </cell>
          <cell r="N104">
            <v>568</v>
          </cell>
          <cell r="O104">
            <v>418</v>
          </cell>
          <cell r="P104">
            <v>438</v>
          </cell>
          <cell r="Q104">
            <v>349</v>
          </cell>
          <cell r="R104">
            <v>201</v>
          </cell>
          <cell r="S104">
            <v>115</v>
          </cell>
          <cell r="T104">
            <v>68</v>
          </cell>
          <cell r="U104">
            <v>32</v>
          </cell>
          <cell r="V104">
            <v>14</v>
          </cell>
          <cell r="W104">
            <v>8</v>
          </cell>
          <cell r="X104">
            <v>1</v>
          </cell>
          <cell r="Y104">
            <v>0</v>
          </cell>
        </row>
        <row r="105">
          <cell r="D105">
            <v>10939</v>
          </cell>
          <cell r="E105">
            <v>357</v>
          </cell>
          <cell r="F105">
            <v>288</v>
          </cell>
          <cell r="G105">
            <v>262</v>
          </cell>
          <cell r="H105">
            <v>330</v>
          </cell>
          <cell r="I105">
            <v>1502</v>
          </cell>
          <cell r="J105">
            <v>1810</v>
          </cell>
          <cell r="K105">
            <v>1371</v>
          </cell>
          <cell r="L105">
            <v>960</v>
          </cell>
          <cell r="M105">
            <v>790</v>
          </cell>
          <cell r="N105">
            <v>770</v>
          </cell>
          <cell r="O105">
            <v>684</v>
          </cell>
          <cell r="P105">
            <v>690</v>
          </cell>
          <cell r="Q105">
            <v>472</v>
          </cell>
          <cell r="R105">
            <v>302</v>
          </cell>
          <cell r="S105">
            <v>164</v>
          </cell>
          <cell r="T105">
            <v>95</v>
          </cell>
          <cell r="U105">
            <v>51</v>
          </cell>
          <cell r="V105">
            <v>26</v>
          </cell>
          <cell r="W105">
            <v>11</v>
          </cell>
          <cell r="X105">
            <v>3</v>
          </cell>
          <cell r="Y105">
            <v>1</v>
          </cell>
        </row>
        <row r="107">
          <cell r="D107">
            <v>4587</v>
          </cell>
          <cell r="E107">
            <v>122</v>
          </cell>
          <cell r="F107">
            <v>89</v>
          </cell>
          <cell r="G107">
            <v>105</v>
          </cell>
          <cell r="H107">
            <v>157</v>
          </cell>
          <cell r="I107">
            <v>841</v>
          </cell>
          <cell r="J107">
            <v>904</v>
          </cell>
          <cell r="K107">
            <v>653</v>
          </cell>
          <cell r="L107">
            <v>386</v>
          </cell>
          <cell r="M107">
            <v>252</v>
          </cell>
          <cell r="N107">
            <v>251</v>
          </cell>
          <cell r="O107">
            <v>226</v>
          </cell>
          <cell r="P107">
            <v>232</v>
          </cell>
          <cell r="Q107">
            <v>161</v>
          </cell>
          <cell r="R107">
            <v>103</v>
          </cell>
          <cell r="S107">
            <v>54</v>
          </cell>
          <cell r="T107">
            <v>25</v>
          </cell>
          <cell r="U107">
            <v>16</v>
          </cell>
          <cell r="V107">
            <v>9</v>
          </cell>
          <cell r="W107">
            <v>1</v>
          </cell>
          <cell r="X107">
            <v>0</v>
          </cell>
          <cell r="Y107">
            <v>0</v>
          </cell>
        </row>
        <row r="108">
          <cell r="D108">
            <v>2319</v>
          </cell>
          <cell r="E108">
            <v>73</v>
          </cell>
          <cell r="F108">
            <v>45</v>
          </cell>
          <cell r="G108">
            <v>57</v>
          </cell>
          <cell r="H108">
            <v>71</v>
          </cell>
          <cell r="I108">
            <v>433</v>
          </cell>
          <cell r="J108">
            <v>500</v>
          </cell>
          <cell r="K108">
            <v>375</v>
          </cell>
          <cell r="L108">
            <v>204</v>
          </cell>
          <cell r="M108">
            <v>129</v>
          </cell>
          <cell r="N108">
            <v>103</v>
          </cell>
          <cell r="O108">
            <v>79</v>
          </cell>
          <cell r="P108">
            <v>92</v>
          </cell>
          <cell r="Q108">
            <v>72</v>
          </cell>
          <cell r="R108">
            <v>40</v>
          </cell>
          <cell r="S108">
            <v>29</v>
          </cell>
          <cell r="T108">
            <v>9</v>
          </cell>
          <cell r="U108">
            <v>5</v>
          </cell>
          <cell r="V108">
            <v>3</v>
          </cell>
          <cell r="W108">
            <v>0</v>
          </cell>
          <cell r="X108">
            <v>0</v>
          </cell>
          <cell r="Y108">
            <v>0</v>
          </cell>
        </row>
        <row r="109">
          <cell r="D109">
            <v>2268</v>
          </cell>
          <cell r="E109">
            <v>49</v>
          </cell>
          <cell r="F109">
            <v>44</v>
          </cell>
          <cell r="G109">
            <v>48</v>
          </cell>
          <cell r="H109">
            <v>86</v>
          </cell>
          <cell r="I109">
            <v>408</v>
          </cell>
          <cell r="J109">
            <v>404</v>
          </cell>
          <cell r="K109">
            <v>278</v>
          </cell>
          <cell r="L109">
            <v>182</v>
          </cell>
          <cell r="M109">
            <v>123</v>
          </cell>
          <cell r="N109">
            <v>148</v>
          </cell>
          <cell r="O109">
            <v>147</v>
          </cell>
          <cell r="P109">
            <v>140</v>
          </cell>
          <cell r="Q109">
            <v>89</v>
          </cell>
          <cell r="R109">
            <v>63</v>
          </cell>
          <cell r="S109">
            <v>25</v>
          </cell>
          <cell r="T109">
            <v>16</v>
          </cell>
          <cell r="U109">
            <v>11</v>
          </cell>
          <cell r="V109">
            <v>6</v>
          </cell>
          <cell r="W109">
            <v>1</v>
          </cell>
          <cell r="X109">
            <v>0</v>
          </cell>
          <cell r="Y109">
            <v>0</v>
          </cell>
        </row>
        <row r="110">
          <cell r="D110">
            <v>8747</v>
          </cell>
          <cell r="E110">
            <v>321</v>
          </cell>
          <cell r="F110">
            <v>224</v>
          </cell>
          <cell r="G110">
            <v>244</v>
          </cell>
          <cell r="H110">
            <v>269</v>
          </cell>
          <cell r="I110">
            <v>1255</v>
          </cell>
          <cell r="J110">
            <v>1502</v>
          </cell>
          <cell r="K110">
            <v>1165</v>
          </cell>
          <cell r="L110">
            <v>802</v>
          </cell>
          <cell r="M110">
            <v>652</v>
          </cell>
          <cell r="N110">
            <v>575</v>
          </cell>
          <cell r="O110">
            <v>450</v>
          </cell>
          <cell r="P110">
            <v>484</v>
          </cell>
          <cell r="Q110">
            <v>352</v>
          </cell>
          <cell r="R110">
            <v>191</v>
          </cell>
          <cell r="S110">
            <v>124</v>
          </cell>
          <cell r="T110">
            <v>69</v>
          </cell>
          <cell r="U110">
            <v>37</v>
          </cell>
          <cell r="V110">
            <v>20</v>
          </cell>
          <cell r="W110">
            <v>9</v>
          </cell>
          <cell r="X110">
            <v>1</v>
          </cell>
          <cell r="Y110">
            <v>1</v>
          </cell>
        </row>
        <row r="111">
          <cell r="D111">
            <v>4363</v>
          </cell>
          <cell r="E111">
            <v>162</v>
          </cell>
          <cell r="F111">
            <v>112</v>
          </cell>
          <cell r="G111">
            <v>137</v>
          </cell>
          <cell r="H111">
            <v>125</v>
          </cell>
          <cell r="I111">
            <v>725</v>
          </cell>
          <cell r="J111">
            <v>859</v>
          </cell>
          <cell r="K111">
            <v>655</v>
          </cell>
          <cell r="L111">
            <v>436</v>
          </cell>
          <cell r="M111">
            <v>300</v>
          </cell>
          <cell r="N111">
            <v>228</v>
          </cell>
          <cell r="O111">
            <v>154</v>
          </cell>
          <cell r="P111">
            <v>162</v>
          </cell>
          <cell r="Q111">
            <v>134</v>
          </cell>
          <cell r="R111">
            <v>75</v>
          </cell>
          <cell r="S111">
            <v>42</v>
          </cell>
          <cell r="T111">
            <v>29</v>
          </cell>
          <cell r="U111">
            <v>15</v>
          </cell>
          <cell r="V111">
            <v>8</v>
          </cell>
          <cell r="W111">
            <v>4</v>
          </cell>
          <cell r="X111">
            <v>1</v>
          </cell>
          <cell r="Y111">
            <v>0</v>
          </cell>
        </row>
        <row r="112">
          <cell r="D112">
            <v>4384</v>
          </cell>
          <cell r="E112">
            <v>159</v>
          </cell>
          <cell r="F112">
            <v>112</v>
          </cell>
          <cell r="G112">
            <v>107</v>
          </cell>
          <cell r="H112">
            <v>144</v>
          </cell>
          <cell r="I112">
            <v>530</v>
          </cell>
          <cell r="J112">
            <v>643</v>
          </cell>
          <cell r="K112">
            <v>510</v>
          </cell>
          <cell r="L112">
            <v>366</v>
          </cell>
          <cell r="M112">
            <v>352</v>
          </cell>
          <cell r="N112">
            <v>347</v>
          </cell>
          <cell r="O112">
            <v>296</v>
          </cell>
          <cell r="P112">
            <v>322</v>
          </cell>
          <cell r="Q112">
            <v>218</v>
          </cell>
          <cell r="R112">
            <v>116</v>
          </cell>
          <cell r="S112">
            <v>82</v>
          </cell>
          <cell r="T112">
            <v>40</v>
          </cell>
          <cell r="U112">
            <v>22</v>
          </cell>
          <cell r="V112">
            <v>12</v>
          </cell>
          <cell r="W112">
            <v>5</v>
          </cell>
          <cell r="X112">
            <v>0</v>
          </cell>
          <cell r="Y112">
            <v>1</v>
          </cell>
        </row>
        <row r="113">
          <cell r="D113">
            <v>8804</v>
          </cell>
          <cell r="E113">
            <v>304</v>
          </cell>
          <cell r="F113">
            <v>271</v>
          </cell>
          <cell r="G113">
            <v>214</v>
          </cell>
          <cell r="H113">
            <v>230</v>
          </cell>
          <cell r="I113">
            <v>1250</v>
          </cell>
          <cell r="J113">
            <v>1624</v>
          </cell>
          <cell r="K113">
            <v>1281</v>
          </cell>
          <cell r="L113">
            <v>890</v>
          </cell>
          <cell r="M113">
            <v>650</v>
          </cell>
          <cell r="N113">
            <v>512</v>
          </cell>
          <cell r="O113">
            <v>426</v>
          </cell>
          <cell r="P113">
            <v>412</v>
          </cell>
          <cell r="Q113">
            <v>308</v>
          </cell>
          <cell r="R113">
            <v>209</v>
          </cell>
          <cell r="S113">
            <v>101</v>
          </cell>
          <cell r="T113">
            <v>69</v>
          </cell>
          <cell r="U113">
            <v>30</v>
          </cell>
          <cell r="V113">
            <v>11</v>
          </cell>
          <cell r="W113">
            <v>9</v>
          </cell>
          <cell r="X113">
            <v>3</v>
          </cell>
          <cell r="Y113">
            <v>0</v>
          </cell>
        </row>
        <row r="114">
          <cell r="D114">
            <v>4517</v>
          </cell>
          <cell r="E114">
            <v>155</v>
          </cell>
          <cell r="F114">
            <v>139</v>
          </cell>
          <cell r="G114">
            <v>107</v>
          </cell>
          <cell r="H114">
            <v>130</v>
          </cell>
          <cell r="I114">
            <v>686</v>
          </cell>
          <cell r="J114">
            <v>861</v>
          </cell>
          <cell r="K114">
            <v>698</v>
          </cell>
          <cell r="L114">
            <v>478</v>
          </cell>
          <cell r="M114">
            <v>335</v>
          </cell>
          <cell r="N114">
            <v>237</v>
          </cell>
          <cell r="O114">
            <v>185</v>
          </cell>
          <cell r="P114">
            <v>184</v>
          </cell>
          <cell r="Q114">
            <v>143</v>
          </cell>
          <cell r="R114">
            <v>86</v>
          </cell>
          <cell r="S114">
            <v>44</v>
          </cell>
          <cell r="T114">
            <v>30</v>
          </cell>
          <cell r="U114">
            <v>12</v>
          </cell>
          <cell r="V114">
            <v>3</v>
          </cell>
          <cell r="W114">
            <v>4</v>
          </cell>
          <cell r="X114">
            <v>0</v>
          </cell>
          <cell r="Y114">
            <v>0</v>
          </cell>
        </row>
        <row r="115">
          <cell r="D115">
            <v>4287</v>
          </cell>
          <cell r="E115">
            <v>149</v>
          </cell>
          <cell r="F115">
            <v>132</v>
          </cell>
          <cell r="G115">
            <v>107</v>
          </cell>
          <cell r="H115">
            <v>100</v>
          </cell>
          <cell r="I115">
            <v>564</v>
          </cell>
          <cell r="J115">
            <v>763</v>
          </cell>
          <cell r="K115">
            <v>583</v>
          </cell>
          <cell r="L115">
            <v>412</v>
          </cell>
          <cell r="M115">
            <v>315</v>
          </cell>
          <cell r="N115">
            <v>275</v>
          </cell>
          <cell r="O115">
            <v>241</v>
          </cell>
          <cell r="P115">
            <v>228</v>
          </cell>
          <cell r="Q115">
            <v>165</v>
          </cell>
          <cell r="R115">
            <v>123</v>
          </cell>
          <cell r="S115">
            <v>57</v>
          </cell>
          <cell r="T115">
            <v>39</v>
          </cell>
          <cell r="U115">
            <v>18</v>
          </cell>
          <cell r="V115">
            <v>8</v>
          </cell>
          <cell r="W115">
            <v>5</v>
          </cell>
          <cell r="X115">
            <v>3</v>
          </cell>
          <cell r="Y115">
            <v>0</v>
          </cell>
        </row>
        <row r="117">
          <cell r="D117">
            <v>8108</v>
          </cell>
          <cell r="E117">
            <v>192</v>
          </cell>
          <cell r="F117">
            <v>180</v>
          </cell>
          <cell r="G117">
            <v>192</v>
          </cell>
          <cell r="H117">
            <v>233</v>
          </cell>
          <cell r="I117">
            <v>999</v>
          </cell>
          <cell r="J117">
            <v>1207</v>
          </cell>
          <cell r="K117">
            <v>1048</v>
          </cell>
          <cell r="L117">
            <v>720</v>
          </cell>
          <cell r="M117">
            <v>657</v>
          </cell>
          <cell r="N117">
            <v>581</v>
          </cell>
          <cell r="O117">
            <v>550</v>
          </cell>
          <cell r="P117">
            <v>548</v>
          </cell>
          <cell r="Q117">
            <v>374</v>
          </cell>
          <cell r="R117">
            <v>227</v>
          </cell>
          <cell r="S117">
            <v>171</v>
          </cell>
          <cell r="T117">
            <v>110</v>
          </cell>
          <cell r="U117">
            <v>65</v>
          </cell>
          <cell r="V117">
            <v>37</v>
          </cell>
          <cell r="W117">
            <v>13</v>
          </cell>
          <cell r="X117">
            <v>4</v>
          </cell>
          <cell r="Y117">
            <v>0</v>
          </cell>
        </row>
        <row r="118">
          <cell r="D118">
            <v>4097</v>
          </cell>
          <cell r="E118">
            <v>94</v>
          </cell>
          <cell r="F118">
            <v>89</v>
          </cell>
          <cell r="G118">
            <v>87</v>
          </cell>
          <cell r="H118">
            <v>120</v>
          </cell>
          <cell r="I118">
            <v>628</v>
          </cell>
          <cell r="J118">
            <v>737</v>
          </cell>
          <cell r="K118">
            <v>647</v>
          </cell>
          <cell r="L118">
            <v>408</v>
          </cell>
          <cell r="M118">
            <v>300</v>
          </cell>
          <cell r="N118">
            <v>214</v>
          </cell>
          <cell r="O118">
            <v>185</v>
          </cell>
          <cell r="P118">
            <v>181</v>
          </cell>
          <cell r="Q118">
            <v>137</v>
          </cell>
          <cell r="R118">
            <v>92</v>
          </cell>
          <cell r="S118">
            <v>86</v>
          </cell>
          <cell r="T118">
            <v>44</v>
          </cell>
          <cell r="U118">
            <v>30</v>
          </cell>
          <cell r="V118">
            <v>14</v>
          </cell>
          <cell r="W118">
            <v>4</v>
          </cell>
          <cell r="X118">
            <v>0</v>
          </cell>
          <cell r="Y118">
            <v>0</v>
          </cell>
        </row>
        <row r="119">
          <cell r="D119">
            <v>4011</v>
          </cell>
          <cell r="E119">
            <v>98</v>
          </cell>
          <cell r="F119">
            <v>91</v>
          </cell>
          <cell r="G119">
            <v>105</v>
          </cell>
          <cell r="H119">
            <v>113</v>
          </cell>
          <cell r="I119">
            <v>371</v>
          </cell>
          <cell r="J119">
            <v>470</v>
          </cell>
          <cell r="K119">
            <v>401</v>
          </cell>
          <cell r="L119">
            <v>312</v>
          </cell>
          <cell r="M119">
            <v>357</v>
          </cell>
          <cell r="N119">
            <v>367</v>
          </cell>
          <cell r="O119">
            <v>365</v>
          </cell>
          <cell r="P119">
            <v>367</v>
          </cell>
          <cell r="Q119">
            <v>237</v>
          </cell>
          <cell r="R119">
            <v>135</v>
          </cell>
          <cell r="S119">
            <v>85</v>
          </cell>
          <cell r="T119">
            <v>66</v>
          </cell>
          <cell r="U119">
            <v>35</v>
          </cell>
          <cell r="V119">
            <v>23</v>
          </cell>
          <cell r="W119">
            <v>9</v>
          </cell>
          <cell r="X119">
            <v>4</v>
          </cell>
          <cell r="Y119">
            <v>0</v>
          </cell>
        </row>
        <row r="120">
          <cell r="D120">
            <v>6795</v>
          </cell>
          <cell r="E120">
            <v>211</v>
          </cell>
          <cell r="F120">
            <v>197</v>
          </cell>
          <cell r="G120">
            <v>236</v>
          </cell>
          <cell r="H120">
            <v>245</v>
          </cell>
          <cell r="I120">
            <v>918</v>
          </cell>
          <cell r="J120">
            <v>883</v>
          </cell>
          <cell r="K120">
            <v>828</v>
          </cell>
          <cell r="L120">
            <v>658</v>
          </cell>
          <cell r="M120">
            <v>503</v>
          </cell>
          <cell r="N120">
            <v>516</v>
          </cell>
          <cell r="O120">
            <v>452</v>
          </cell>
          <cell r="P120">
            <v>439</v>
          </cell>
          <cell r="Q120">
            <v>312</v>
          </cell>
          <cell r="R120">
            <v>202</v>
          </cell>
          <cell r="S120">
            <v>102</v>
          </cell>
          <cell r="T120">
            <v>44</v>
          </cell>
          <cell r="U120">
            <v>29</v>
          </cell>
          <cell r="V120">
            <v>13</v>
          </cell>
          <cell r="W120">
            <v>6</v>
          </cell>
          <cell r="X120">
            <v>1</v>
          </cell>
          <cell r="Y120">
            <v>0</v>
          </cell>
        </row>
        <row r="121">
          <cell r="D121">
            <v>3274</v>
          </cell>
          <cell r="E121">
            <v>109</v>
          </cell>
          <cell r="F121">
            <v>99</v>
          </cell>
          <cell r="G121">
            <v>121</v>
          </cell>
          <cell r="H121">
            <v>133</v>
          </cell>
          <cell r="I121">
            <v>554</v>
          </cell>
          <cell r="J121">
            <v>487</v>
          </cell>
          <cell r="K121">
            <v>416</v>
          </cell>
          <cell r="L121">
            <v>321</v>
          </cell>
          <cell r="M121">
            <v>218</v>
          </cell>
          <cell r="N121">
            <v>194</v>
          </cell>
          <cell r="O121">
            <v>173</v>
          </cell>
          <cell r="P121">
            <v>158</v>
          </cell>
          <cell r="Q121">
            <v>129</v>
          </cell>
          <cell r="R121">
            <v>82</v>
          </cell>
          <cell r="S121">
            <v>41</v>
          </cell>
          <cell r="T121">
            <v>21</v>
          </cell>
          <cell r="U121">
            <v>13</v>
          </cell>
          <cell r="V121">
            <v>4</v>
          </cell>
          <cell r="W121">
            <v>1</v>
          </cell>
          <cell r="X121">
            <v>0</v>
          </cell>
          <cell r="Y121">
            <v>0</v>
          </cell>
        </row>
        <row r="122">
          <cell r="D122">
            <v>3521</v>
          </cell>
          <cell r="E122">
            <v>102</v>
          </cell>
          <cell r="F122">
            <v>98</v>
          </cell>
          <cell r="G122">
            <v>115</v>
          </cell>
          <cell r="H122">
            <v>112</v>
          </cell>
          <cell r="I122">
            <v>364</v>
          </cell>
          <cell r="J122">
            <v>396</v>
          </cell>
          <cell r="K122">
            <v>412</v>
          </cell>
          <cell r="L122">
            <v>337</v>
          </cell>
          <cell r="M122">
            <v>285</v>
          </cell>
          <cell r="N122">
            <v>322</v>
          </cell>
          <cell r="O122">
            <v>279</v>
          </cell>
          <cell r="P122">
            <v>281</v>
          </cell>
          <cell r="Q122">
            <v>183</v>
          </cell>
          <cell r="R122">
            <v>120</v>
          </cell>
          <cell r="S122">
            <v>61</v>
          </cell>
          <cell r="T122">
            <v>23</v>
          </cell>
          <cell r="U122">
            <v>16</v>
          </cell>
          <cell r="V122">
            <v>9</v>
          </cell>
          <cell r="W122">
            <v>5</v>
          </cell>
          <cell r="X122">
            <v>1</v>
          </cell>
          <cell r="Y122">
            <v>0</v>
          </cell>
        </row>
        <row r="123">
          <cell r="D123">
            <v>2163</v>
          </cell>
          <cell r="E123">
            <v>38</v>
          </cell>
          <cell r="F123">
            <v>23</v>
          </cell>
          <cell r="G123">
            <v>35</v>
          </cell>
          <cell r="H123">
            <v>41</v>
          </cell>
          <cell r="I123">
            <v>140</v>
          </cell>
          <cell r="J123">
            <v>200</v>
          </cell>
          <cell r="K123">
            <v>234</v>
          </cell>
          <cell r="L123">
            <v>227</v>
          </cell>
          <cell r="M123">
            <v>237</v>
          </cell>
          <cell r="N123">
            <v>213</v>
          </cell>
          <cell r="O123">
            <v>212</v>
          </cell>
          <cell r="P123">
            <v>148</v>
          </cell>
          <cell r="Q123">
            <v>149</v>
          </cell>
          <cell r="R123">
            <v>85</v>
          </cell>
          <cell r="S123">
            <v>67</v>
          </cell>
          <cell r="T123">
            <v>53</v>
          </cell>
          <cell r="U123">
            <v>30</v>
          </cell>
          <cell r="V123">
            <v>22</v>
          </cell>
          <cell r="W123">
            <v>7</v>
          </cell>
          <cell r="X123">
            <v>2</v>
          </cell>
          <cell r="Y123">
            <v>0</v>
          </cell>
        </row>
        <row r="124">
          <cell r="D124">
            <v>1138</v>
          </cell>
          <cell r="E124">
            <v>15</v>
          </cell>
          <cell r="F124">
            <v>12</v>
          </cell>
          <cell r="G124">
            <v>20</v>
          </cell>
          <cell r="H124">
            <v>20</v>
          </cell>
          <cell r="I124">
            <v>68</v>
          </cell>
          <cell r="J124">
            <v>90</v>
          </cell>
          <cell r="K124">
            <v>129</v>
          </cell>
          <cell r="L124">
            <v>115</v>
          </cell>
          <cell r="M124">
            <v>129</v>
          </cell>
          <cell r="N124">
            <v>120</v>
          </cell>
          <cell r="O124">
            <v>112</v>
          </cell>
          <cell r="P124">
            <v>81</v>
          </cell>
          <cell r="Q124">
            <v>87</v>
          </cell>
          <cell r="R124">
            <v>52</v>
          </cell>
          <cell r="S124">
            <v>32</v>
          </cell>
          <cell r="T124">
            <v>25</v>
          </cell>
          <cell r="U124">
            <v>17</v>
          </cell>
          <cell r="V124">
            <v>11</v>
          </cell>
          <cell r="W124">
            <v>3</v>
          </cell>
          <cell r="X124">
            <v>0</v>
          </cell>
          <cell r="Y124">
            <v>0</v>
          </cell>
        </row>
        <row r="125">
          <cell r="D125">
            <v>1025</v>
          </cell>
          <cell r="E125">
            <v>23</v>
          </cell>
          <cell r="F125">
            <v>11</v>
          </cell>
          <cell r="G125">
            <v>15</v>
          </cell>
          <cell r="H125">
            <v>21</v>
          </cell>
          <cell r="I125">
            <v>72</v>
          </cell>
          <cell r="J125">
            <v>110</v>
          </cell>
          <cell r="K125">
            <v>105</v>
          </cell>
          <cell r="L125">
            <v>112</v>
          </cell>
          <cell r="M125">
            <v>108</v>
          </cell>
          <cell r="N125">
            <v>93</v>
          </cell>
          <cell r="O125">
            <v>100</v>
          </cell>
          <cell r="P125">
            <v>67</v>
          </cell>
          <cell r="Q125">
            <v>62</v>
          </cell>
          <cell r="R125">
            <v>33</v>
          </cell>
          <cell r="S125">
            <v>35</v>
          </cell>
          <cell r="T125">
            <v>28</v>
          </cell>
          <cell r="U125">
            <v>13</v>
          </cell>
          <cell r="V125">
            <v>11</v>
          </cell>
          <cell r="W125">
            <v>4</v>
          </cell>
          <cell r="X125">
            <v>2</v>
          </cell>
          <cell r="Y125">
            <v>0</v>
          </cell>
        </row>
        <row r="126">
          <cell r="D126">
            <v>9262</v>
          </cell>
          <cell r="E126">
            <v>256</v>
          </cell>
          <cell r="F126">
            <v>282</v>
          </cell>
          <cell r="G126">
            <v>235</v>
          </cell>
          <cell r="H126">
            <v>304</v>
          </cell>
          <cell r="I126">
            <v>976</v>
          </cell>
          <cell r="J126">
            <v>1409</v>
          </cell>
          <cell r="K126">
            <v>1210</v>
          </cell>
          <cell r="L126">
            <v>986</v>
          </cell>
          <cell r="M126">
            <v>836</v>
          </cell>
          <cell r="N126">
            <v>637</v>
          </cell>
          <cell r="O126">
            <v>527</v>
          </cell>
          <cell r="P126">
            <v>488</v>
          </cell>
          <cell r="Q126">
            <v>474</v>
          </cell>
          <cell r="R126">
            <v>276</v>
          </cell>
          <cell r="S126">
            <v>160</v>
          </cell>
          <cell r="T126">
            <v>106</v>
          </cell>
          <cell r="U126">
            <v>55</v>
          </cell>
          <cell r="V126">
            <v>32</v>
          </cell>
          <cell r="W126">
            <v>10</v>
          </cell>
          <cell r="X126">
            <v>3</v>
          </cell>
          <cell r="Y126">
            <v>0</v>
          </cell>
        </row>
        <row r="127">
          <cell r="D127">
            <v>5203</v>
          </cell>
          <cell r="E127">
            <v>131</v>
          </cell>
          <cell r="F127">
            <v>138</v>
          </cell>
          <cell r="G127">
            <v>106</v>
          </cell>
          <cell r="H127">
            <v>161</v>
          </cell>
          <cell r="I127">
            <v>590</v>
          </cell>
          <cell r="J127">
            <v>903</v>
          </cell>
          <cell r="K127">
            <v>752</v>
          </cell>
          <cell r="L127">
            <v>571</v>
          </cell>
          <cell r="M127">
            <v>449</v>
          </cell>
          <cell r="N127">
            <v>350</v>
          </cell>
          <cell r="O127">
            <v>293</v>
          </cell>
          <cell r="P127">
            <v>228</v>
          </cell>
          <cell r="Q127">
            <v>231</v>
          </cell>
          <cell r="R127">
            <v>144</v>
          </cell>
          <cell r="S127">
            <v>76</v>
          </cell>
          <cell r="T127">
            <v>44</v>
          </cell>
          <cell r="U127">
            <v>20</v>
          </cell>
          <cell r="V127">
            <v>12</v>
          </cell>
          <cell r="W127">
            <v>3</v>
          </cell>
          <cell r="X127">
            <v>1</v>
          </cell>
          <cell r="Y127">
            <v>0</v>
          </cell>
        </row>
        <row r="128">
          <cell r="D128">
            <v>4058</v>
          </cell>
          <cell r="E128">
            <v>125</v>
          </cell>
          <cell r="F128">
            <v>144</v>
          </cell>
          <cell r="G128">
            <v>129</v>
          </cell>
          <cell r="H128">
            <v>143</v>
          </cell>
          <cell r="I128">
            <v>386</v>
          </cell>
          <cell r="J128">
            <v>506</v>
          </cell>
          <cell r="K128">
            <v>458</v>
          </cell>
          <cell r="L128">
            <v>415</v>
          </cell>
          <cell r="M128">
            <v>387</v>
          </cell>
          <cell r="N128">
            <v>286</v>
          </cell>
          <cell r="O128">
            <v>234</v>
          </cell>
          <cell r="P128">
            <v>260</v>
          </cell>
          <cell r="Q128">
            <v>243</v>
          </cell>
          <cell r="R128">
            <v>132</v>
          </cell>
          <cell r="S128">
            <v>84</v>
          </cell>
          <cell r="T128">
            <v>62</v>
          </cell>
          <cell r="U128">
            <v>35</v>
          </cell>
          <cell r="V128">
            <v>20</v>
          </cell>
          <cell r="W128">
            <v>7</v>
          </cell>
          <cell r="X128">
            <v>2</v>
          </cell>
          <cell r="Y128">
            <v>0</v>
          </cell>
        </row>
        <row r="129">
          <cell r="D129">
            <v>4035</v>
          </cell>
          <cell r="E129">
            <v>126</v>
          </cell>
          <cell r="F129">
            <v>66</v>
          </cell>
          <cell r="G129">
            <v>59</v>
          </cell>
          <cell r="H129">
            <v>108</v>
          </cell>
          <cell r="I129">
            <v>560</v>
          </cell>
          <cell r="J129">
            <v>841</v>
          </cell>
          <cell r="K129">
            <v>608</v>
          </cell>
          <cell r="L129">
            <v>392</v>
          </cell>
          <cell r="M129">
            <v>285</v>
          </cell>
          <cell r="N129">
            <v>232</v>
          </cell>
          <cell r="O129">
            <v>209</v>
          </cell>
          <cell r="P129">
            <v>203</v>
          </cell>
          <cell r="Q129">
            <v>120</v>
          </cell>
          <cell r="R129">
            <v>90</v>
          </cell>
          <cell r="S129">
            <v>44</v>
          </cell>
          <cell r="T129">
            <v>36</v>
          </cell>
          <cell r="U129">
            <v>35</v>
          </cell>
          <cell r="V129">
            <v>15</v>
          </cell>
          <cell r="W129">
            <v>6</v>
          </cell>
          <cell r="X129">
            <v>0</v>
          </cell>
          <cell r="Y129">
            <v>0</v>
          </cell>
        </row>
        <row r="130">
          <cell r="D130">
            <v>1842</v>
          </cell>
          <cell r="E130">
            <v>52</v>
          </cell>
          <cell r="F130">
            <v>39</v>
          </cell>
          <cell r="G130">
            <v>30</v>
          </cell>
          <cell r="H130">
            <v>53</v>
          </cell>
          <cell r="I130">
            <v>268</v>
          </cell>
          <cell r="J130">
            <v>429</v>
          </cell>
          <cell r="K130">
            <v>340</v>
          </cell>
          <cell r="L130">
            <v>184</v>
          </cell>
          <cell r="M130">
            <v>120</v>
          </cell>
          <cell r="N130">
            <v>78</v>
          </cell>
          <cell r="O130">
            <v>69</v>
          </cell>
          <cell r="P130">
            <v>65</v>
          </cell>
          <cell r="Q130">
            <v>37</v>
          </cell>
          <cell r="R130">
            <v>35</v>
          </cell>
          <cell r="S130">
            <v>11</v>
          </cell>
          <cell r="T130">
            <v>14</v>
          </cell>
          <cell r="U130">
            <v>11</v>
          </cell>
          <cell r="V130">
            <v>4</v>
          </cell>
          <cell r="W130">
            <v>3</v>
          </cell>
          <cell r="X130">
            <v>0</v>
          </cell>
          <cell r="Y130">
            <v>0</v>
          </cell>
        </row>
        <row r="131">
          <cell r="D131">
            <v>2193</v>
          </cell>
          <cell r="E131">
            <v>74</v>
          </cell>
          <cell r="F131">
            <v>27</v>
          </cell>
          <cell r="G131">
            <v>29</v>
          </cell>
          <cell r="H131">
            <v>55</v>
          </cell>
          <cell r="I131">
            <v>292</v>
          </cell>
          <cell r="J131">
            <v>412</v>
          </cell>
          <cell r="K131">
            <v>268</v>
          </cell>
          <cell r="L131">
            <v>208</v>
          </cell>
          <cell r="M131">
            <v>165</v>
          </cell>
          <cell r="N131">
            <v>154</v>
          </cell>
          <cell r="O131">
            <v>140</v>
          </cell>
          <cell r="P131">
            <v>138</v>
          </cell>
          <cell r="Q131">
            <v>83</v>
          </cell>
          <cell r="R131">
            <v>55</v>
          </cell>
          <cell r="S131">
            <v>33</v>
          </cell>
          <cell r="T131">
            <v>22</v>
          </cell>
          <cell r="U131">
            <v>24</v>
          </cell>
          <cell r="V131">
            <v>11</v>
          </cell>
          <cell r="W131">
            <v>3</v>
          </cell>
          <cell r="X131">
            <v>0</v>
          </cell>
          <cell r="Y131">
            <v>0</v>
          </cell>
        </row>
        <row r="132">
          <cell r="D132">
            <v>2843</v>
          </cell>
          <cell r="E132">
            <v>64</v>
          </cell>
          <cell r="F132">
            <v>47</v>
          </cell>
          <cell r="G132">
            <v>47</v>
          </cell>
          <cell r="H132">
            <v>50</v>
          </cell>
          <cell r="I132">
            <v>302</v>
          </cell>
          <cell r="J132">
            <v>423</v>
          </cell>
          <cell r="K132">
            <v>356</v>
          </cell>
          <cell r="L132">
            <v>320</v>
          </cell>
          <cell r="M132">
            <v>272</v>
          </cell>
          <cell r="N132">
            <v>208</v>
          </cell>
          <cell r="O132">
            <v>230</v>
          </cell>
          <cell r="P132">
            <v>181</v>
          </cell>
          <cell r="Q132">
            <v>131</v>
          </cell>
          <cell r="R132">
            <v>82</v>
          </cell>
          <cell r="S132">
            <v>52</v>
          </cell>
          <cell r="T132">
            <v>29</v>
          </cell>
          <cell r="U132">
            <v>24</v>
          </cell>
          <cell r="V132">
            <v>20</v>
          </cell>
          <cell r="W132">
            <v>1</v>
          </cell>
          <cell r="X132">
            <v>4</v>
          </cell>
          <cell r="Y132">
            <v>0</v>
          </cell>
        </row>
        <row r="133">
          <cell r="D133">
            <v>1474</v>
          </cell>
          <cell r="E133">
            <v>36</v>
          </cell>
          <cell r="F133">
            <v>26</v>
          </cell>
          <cell r="G133">
            <v>23</v>
          </cell>
          <cell r="H133">
            <v>25</v>
          </cell>
          <cell r="I133">
            <v>178</v>
          </cell>
          <cell r="J133">
            <v>236</v>
          </cell>
          <cell r="K133">
            <v>213</v>
          </cell>
          <cell r="L133">
            <v>177</v>
          </cell>
          <cell r="M133">
            <v>136</v>
          </cell>
          <cell r="N133">
            <v>98</v>
          </cell>
          <cell r="O133">
            <v>101</v>
          </cell>
          <cell r="P133">
            <v>75</v>
          </cell>
          <cell r="Q133">
            <v>55</v>
          </cell>
          <cell r="R133">
            <v>32</v>
          </cell>
          <cell r="S133">
            <v>23</v>
          </cell>
          <cell r="T133">
            <v>16</v>
          </cell>
          <cell r="U133">
            <v>11</v>
          </cell>
          <cell r="V133">
            <v>11</v>
          </cell>
          <cell r="W133">
            <v>0</v>
          </cell>
          <cell r="X133">
            <v>2</v>
          </cell>
          <cell r="Y133">
            <v>0</v>
          </cell>
        </row>
        <row r="134">
          <cell r="D134">
            <v>1369</v>
          </cell>
          <cell r="E134">
            <v>28</v>
          </cell>
          <cell r="F134">
            <v>21</v>
          </cell>
          <cell r="G134">
            <v>24</v>
          </cell>
          <cell r="H134">
            <v>25</v>
          </cell>
          <cell r="I134">
            <v>124</v>
          </cell>
          <cell r="J134">
            <v>187</v>
          </cell>
          <cell r="K134">
            <v>143</v>
          </cell>
          <cell r="L134">
            <v>143</v>
          </cell>
          <cell r="M134">
            <v>136</v>
          </cell>
          <cell r="N134">
            <v>110</v>
          </cell>
          <cell r="O134">
            <v>129</v>
          </cell>
          <cell r="P134">
            <v>106</v>
          </cell>
          <cell r="Q134">
            <v>76</v>
          </cell>
          <cell r="R134">
            <v>50</v>
          </cell>
          <cell r="S134">
            <v>29</v>
          </cell>
          <cell r="T134">
            <v>13</v>
          </cell>
          <cell r="U134">
            <v>13</v>
          </cell>
          <cell r="V134">
            <v>9</v>
          </cell>
          <cell r="W134">
            <v>1</v>
          </cell>
          <cell r="X134">
            <v>2</v>
          </cell>
          <cell r="Y134">
            <v>0</v>
          </cell>
        </row>
        <row r="135">
          <cell r="D135">
            <v>687</v>
          </cell>
          <cell r="E135">
            <v>8</v>
          </cell>
          <cell r="F135">
            <v>12</v>
          </cell>
          <cell r="G135">
            <v>11</v>
          </cell>
          <cell r="H135">
            <v>15</v>
          </cell>
          <cell r="I135">
            <v>29</v>
          </cell>
          <cell r="J135">
            <v>44</v>
          </cell>
          <cell r="K135">
            <v>69</v>
          </cell>
          <cell r="L135">
            <v>63</v>
          </cell>
          <cell r="M135">
            <v>82</v>
          </cell>
          <cell r="N135">
            <v>83</v>
          </cell>
          <cell r="O135">
            <v>59</v>
          </cell>
          <cell r="P135">
            <v>58</v>
          </cell>
          <cell r="Q135">
            <v>46</v>
          </cell>
          <cell r="R135">
            <v>35</v>
          </cell>
          <cell r="S135">
            <v>33</v>
          </cell>
          <cell r="T135">
            <v>19</v>
          </cell>
          <cell r="U135">
            <v>11</v>
          </cell>
          <cell r="V135">
            <v>7</v>
          </cell>
          <cell r="W135">
            <v>2</v>
          </cell>
          <cell r="X135">
            <v>1</v>
          </cell>
          <cell r="Y135">
            <v>0</v>
          </cell>
        </row>
        <row r="136">
          <cell r="D136">
            <v>386</v>
          </cell>
          <cell r="E136">
            <v>6</v>
          </cell>
          <cell r="F136">
            <v>4</v>
          </cell>
          <cell r="G136">
            <v>6</v>
          </cell>
          <cell r="H136">
            <v>8</v>
          </cell>
          <cell r="I136">
            <v>17</v>
          </cell>
          <cell r="J136">
            <v>26</v>
          </cell>
          <cell r="K136">
            <v>42</v>
          </cell>
          <cell r="L136">
            <v>34</v>
          </cell>
          <cell r="M136">
            <v>48</v>
          </cell>
          <cell r="N136">
            <v>46</v>
          </cell>
          <cell r="O136">
            <v>34</v>
          </cell>
          <cell r="P136">
            <v>30</v>
          </cell>
          <cell r="Q136">
            <v>25</v>
          </cell>
          <cell r="R136">
            <v>22</v>
          </cell>
          <cell r="S136">
            <v>15</v>
          </cell>
          <cell r="T136">
            <v>13</v>
          </cell>
          <cell r="U136">
            <v>7</v>
          </cell>
          <cell r="V136">
            <v>2</v>
          </cell>
          <cell r="W136">
            <v>0</v>
          </cell>
          <cell r="X136">
            <v>1</v>
          </cell>
          <cell r="Y136">
            <v>0</v>
          </cell>
        </row>
        <row r="137">
          <cell r="D137">
            <v>301</v>
          </cell>
          <cell r="E137">
            <v>2</v>
          </cell>
          <cell r="F137">
            <v>8</v>
          </cell>
          <cell r="G137">
            <v>5</v>
          </cell>
          <cell r="H137">
            <v>7</v>
          </cell>
          <cell r="I137">
            <v>12</v>
          </cell>
          <cell r="J137">
            <v>18</v>
          </cell>
          <cell r="K137">
            <v>27</v>
          </cell>
          <cell r="L137">
            <v>29</v>
          </cell>
          <cell r="M137">
            <v>34</v>
          </cell>
          <cell r="N137">
            <v>37</v>
          </cell>
          <cell r="O137">
            <v>25</v>
          </cell>
          <cell r="P137">
            <v>28</v>
          </cell>
          <cell r="Q137">
            <v>21</v>
          </cell>
          <cell r="R137">
            <v>13</v>
          </cell>
          <cell r="S137">
            <v>18</v>
          </cell>
          <cell r="T137">
            <v>6</v>
          </cell>
          <cell r="U137">
            <v>4</v>
          </cell>
          <cell r="V137">
            <v>5</v>
          </cell>
          <cell r="W137">
            <v>2</v>
          </cell>
          <cell r="X137">
            <v>0</v>
          </cell>
          <cell r="Y137">
            <v>0</v>
          </cell>
        </row>
        <row r="138">
          <cell r="D138">
            <v>659</v>
          </cell>
          <cell r="E138">
            <v>1</v>
          </cell>
          <cell r="F138">
            <v>1</v>
          </cell>
          <cell r="G138">
            <v>2</v>
          </cell>
          <cell r="H138">
            <v>12</v>
          </cell>
          <cell r="I138">
            <v>177</v>
          </cell>
          <cell r="J138">
            <v>157</v>
          </cell>
          <cell r="K138">
            <v>98</v>
          </cell>
          <cell r="L138">
            <v>31</v>
          </cell>
          <cell r="M138">
            <v>26</v>
          </cell>
          <cell r="N138">
            <v>35</v>
          </cell>
          <cell r="O138">
            <v>24</v>
          </cell>
          <cell r="P138">
            <v>24</v>
          </cell>
          <cell r="Q138">
            <v>22</v>
          </cell>
          <cell r="R138">
            <v>19</v>
          </cell>
          <cell r="S138">
            <v>16</v>
          </cell>
          <cell r="T138">
            <v>8</v>
          </cell>
          <cell r="U138">
            <v>2</v>
          </cell>
          <cell r="V138">
            <v>4</v>
          </cell>
          <cell r="W138">
            <v>0</v>
          </cell>
          <cell r="X138">
            <v>0</v>
          </cell>
          <cell r="Y138">
            <v>0</v>
          </cell>
        </row>
        <row r="139">
          <cell r="D139">
            <v>379</v>
          </cell>
          <cell r="E139">
            <v>1</v>
          </cell>
          <cell r="F139">
            <v>1</v>
          </cell>
          <cell r="G139">
            <v>2</v>
          </cell>
          <cell r="H139">
            <v>9</v>
          </cell>
          <cell r="I139">
            <v>106</v>
          </cell>
          <cell r="J139">
            <v>106</v>
          </cell>
          <cell r="K139">
            <v>63</v>
          </cell>
          <cell r="L139">
            <v>20</v>
          </cell>
          <cell r="M139">
            <v>12</v>
          </cell>
          <cell r="N139">
            <v>13</v>
          </cell>
          <cell r="O139">
            <v>8</v>
          </cell>
          <cell r="P139">
            <v>7</v>
          </cell>
          <cell r="Q139">
            <v>6</v>
          </cell>
          <cell r="R139">
            <v>10</v>
          </cell>
          <cell r="S139">
            <v>9</v>
          </cell>
          <cell r="T139">
            <v>4</v>
          </cell>
          <cell r="U139">
            <v>1</v>
          </cell>
          <cell r="V139">
            <v>1</v>
          </cell>
          <cell r="W139">
            <v>0</v>
          </cell>
          <cell r="X139">
            <v>0</v>
          </cell>
          <cell r="Y139">
            <v>0</v>
          </cell>
        </row>
        <row r="140">
          <cell r="D140">
            <v>280</v>
          </cell>
          <cell r="E140">
            <v>0</v>
          </cell>
          <cell r="F140">
            <v>0</v>
          </cell>
          <cell r="G140">
            <v>0</v>
          </cell>
          <cell r="H140">
            <v>3</v>
          </cell>
          <cell r="I140">
            <v>71</v>
          </cell>
          <cell r="J140">
            <v>51</v>
          </cell>
          <cell r="K140">
            <v>35</v>
          </cell>
          <cell r="L140">
            <v>11</v>
          </cell>
          <cell r="M140">
            <v>14</v>
          </cell>
          <cell r="N140">
            <v>22</v>
          </cell>
          <cell r="O140">
            <v>16</v>
          </cell>
          <cell r="P140">
            <v>17</v>
          </cell>
          <cell r="Q140">
            <v>16</v>
          </cell>
          <cell r="R140">
            <v>9</v>
          </cell>
          <cell r="S140">
            <v>7</v>
          </cell>
          <cell r="T140">
            <v>4</v>
          </cell>
          <cell r="U140">
            <v>1</v>
          </cell>
          <cell r="V140">
            <v>3</v>
          </cell>
          <cell r="W140">
            <v>0</v>
          </cell>
          <cell r="X140">
            <v>0</v>
          </cell>
          <cell r="Y140">
            <v>0</v>
          </cell>
        </row>
        <row r="141">
          <cell r="D141">
            <v>5089</v>
          </cell>
          <cell r="E141">
            <v>125</v>
          </cell>
          <cell r="F141">
            <v>117</v>
          </cell>
          <cell r="G141">
            <v>131</v>
          </cell>
          <cell r="H141">
            <v>242</v>
          </cell>
          <cell r="I141">
            <v>1091</v>
          </cell>
          <cell r="J141">
            <v>925</v>
          </cell>
          <cell r="K141">
            <v>503</v>
          </cell>
          <cell r="L141">
            <v>363</v>
          </cell>
          <cell r="M141">
            <v>316</v>
          </cell>
          <cell r="N141">
            <v>275</v>
          </cell>
          <cell r="O141">
            <v>300</v>
          </cell>
          <cell r="P141">
            <v>265</v>
          </cell>
          <cell r="Q141">
            <v>194</v>
          </cell>
          <cell r="R141">
            <v>113</v>
          </cell>
          <cell r="S141">
            <v>68</v>
          </cell>
          <cell r="T141">
            <v>33</v>
          </cell>
          <cell r="U141">
            <v>15</v>
          </cell>
          <cell r="V141">
            <v>7</v>
          </cell>
          <cell r="W141">
            <v>3</v>
          </cell>
          <cell r="X141">
            <v>2</v>
          </cell>
          <cell r="Y141">
            <v>1</v>
          </cell>
        </row>
        <row r="142">
          <cell r="D142">
            <v>2856</v>
          </cell>
          <cell r="E142">
            <v>53</v>
          </cell>
          <cell r="F142">
            <v>61</v>
          </cell>
          <cell r="G142">
            <v>76</v>
          </cell>
          <cell r="H142">
            <v>146</v>
          </cell>
          <cell r="I142">
            <v>735</v>
          </cell>
          <cell r="J142">
            <v>562</v>
          </cell>
          <cell r="K142">
            <v>287</v>
          </cell>
          <cell r="L142">
            <v>206</v>
          </cell>
          <cell r="M142">
            <v>144</v>
          </cell>
          <cell r="N142">
            <v>120</v>
          </cell>
          <cell r="O142">
            <v>130</v>
          </cell>
          <cell r="P142">
            <v>123</v>
          </cell>
          <cell r="Q142">
            <v>102</v>
          </cell>
          <cell r="R142">
            <v>49</v>
          </cell>
          <cell r="S142">
            <v>33</v>
          </cell>
          <cell r="T142">
            <v>14</v>
          </cell>
          <cell r="U142">
            <v>10</v>
          </cell>
          <cell r="V142">
            <v>4</v>
          </cell>
          <cell r="W142">
            <v>0</v>
          </cell>
          <cell r="X142">
            <v>0</v>
          </cell>
          <cell r="Y142">
            <v>1</v>
          </cell>
        </row>
        <row r="143">
          <cell r="D143">
            <v>2233</v>
          </cell>
          <cell r="E143">
            <v>72</v>
          </cell>
          <cell r="F143">
            <v>56</v>
          </cell>
          <cell r="G143">
            <v>55</v>
          </cell>
          <cell r="H143">
            <v>96</v>
          </cell>
          <cell r="I143">
            <v>356</v>
          </cell>
          <cell r="J143">
            <v>363</v>
          </cell>
          <cell r="K143">
            <v>216</v>
          </cell>
          <cell r="L143">
            <v>157</v>
          </cell>
          <cell r="M143">
            <v>172</v>
          </cell>
          <cell r="N143">
            <v>155</v>
          </cell>
          <cell r="O143">
            <v>170</v>
          </cell>
          <cell r="P143">
            <v>142</v>
          </cell>
          <cell r="Q143">
            <v>92</v>
          </cell>
          <cell r="R143">
            <v>64</v>
          </cell>
          <cell r="S143">
            <v>35</v>
          </cell>
          <cell r="T143">
            <v>19</v>
          </cell>
          <cell r="U143">
            <v>5</v>
          </cell>
          <cell r="V143">
            <v>3</v>
          </cell>
          <cell r="W143">
            <v>3</v>
          </cell>
          <cell r="X143">
            <v>2</v>
          </cell>
          <cell r="Y143">
            <v>0</v>
          </cell>
        </row>
        <row r="144">
          <cell r="D144">
            <v>10920</v>
          </cell>
          <cell r="E144">
            <v>493</v>
          </cell>
          <cell r="F144">
            <v>455</v>
          </cell>
          <cell r="G144">
            <v>395</v>
          </cell>
          <cell r="H144">
            <v>399</v>
          </cell>
          <cell r="I144">
            <v>1273</v>
          </cell>
          <cell r="J144">
            <v>1709</v>
          </cell>
          <cell r="K144">
            <v>1568</v>
          </cell>
          <cell r="L144">
            <v>1125</v>
          </cell>
          <cell r="M144">
            <v>869</v>
          </cell>
          <cell r="N144">
            <v>755</v>
          </cell>
          <cell r="O144">
            <v>579</v>
          </cell>
          <cell r="P144">
            <v>498</v>
          </cell>
          <cell r="Q144">
            <v>348</v>
          </cell>
          <cell r="R144">
            <v>190</v>
          </cell>
          <cell r="S144">
            <v>129</v>
          </cell>
          <cell r="T144">
            <v>71</v>
          </cell>
          <cell r="U144">
            <v>46</v>
          </cell>
          <cell r="V144">
            <v>13</v>
          </cell>
          <cell r="W144">
            <v>3</v>
          </cell>
          <cell r="X144">
            <v>2</v>
          </cell>
          <cell r="Y144">
            <v>0</v>
          </cell>
        </row>
        <row r="145">
          <cell r="D145">
            <v>6043</v>
          </cell>
          <cell r="E145">
            <v>256</v>
          </cell>
          <cell r="F145">
            <v>225</v>
          </cell>
          <cell r="G145">
            <v>184</v>
          </cell>
          <cell r="H145">
            <v>222</v>
          </cell>
          <cell r="I145">
            <v>831</v>
          </cell>
          <cell r="J145">
            <v>1013</v>
          </cell>
          <cell r="K145">
            <v>945</v>
          </cell>
          <cell r="L145">
            <v>683</v>
          </cell>
          <cell r="M145">
            <v>465</v>
          </cell>
          <cell r="N145">
            <v>389</v>
          </cell>
          <cell r="O145">
            <v>255</v>
          </cell>
          <cell r="P145">
            <v>220</v>
          </cell>
          <cell r="Q145">
            <v>160</v>
          </cell>
          <cell r="R145">
            <v>80</v>
          </cell>
          <cell r="S145">
            <v>53</v>
          </cell>
          <cell r="T145">
            <v>35</v>
          </cell>
          <cell r="U145">
            <v>22</v>
          </cell>
          <cell r="V145">
            <v>5</v>
          </cell>
          <cell r="W145">
            <v>0</v>
          </cell>
          <cell r="X145">
            <v>0</v>
          </cell>
          <cell r="Y145">
            <v>0</v>
          </cell>
        </row>
        <row r="146">
          <cell r="D146">
            <v>4877</v>
          </cell>
          <cell r="E146">
            <v>237</v>
          </cell>
          <cell r="F146">
            <v>230</v>
          </cell>
          <cell r="G146">
            <v>211</v>
          </cell>
          <cell r="H146">
            <v>177</v>
          </cell>
          <cell r="I146">
            <v>442</v>
          </cell>
          <cell r="J146">
            <v>696</v>
          </cell>
          <cell r="K146">
            <v>623</v>
          </cell>
          <cell r="L146">
            <v>442</v>
          </cell>
          <cell r="M146">
            <v>404</v>
          </cell>
          <cell r="N146">
            <v>366</v>
          </cell>
          <cell r="O146">
            <v>324</v>
          </cell>
          <cell r="P146">
            <v>278</v>
          </cell>
          <cell r="Q146">
            <v>188</v>
          </cell>
          <cell r="R146">
            <v>110</v>
          </cell>
          <cell r="S146">
            <v>76</v>
          </cell>
          <cell r="T146">
            <v>36</v>
          </cell>
          <cell r="U146">
            <v>24</v>
          </cell>
          <cell r="V146">
            <v>8</v>
          </cell>
          <cell r="W146">
            <v>3</v>
          </cell>
          <cell r="X146">
            <v>2</v>
          </cell>
          <cell r="Y146">
            <v>0</v>
          </cell>
        </row>
        <row r="147">
          <cell r="D147">
            <v>9337</v>
          </cell>
          <cell r="E147">
            <v>265</v>
          </cell>
          <cell r="F147">
            <v>277</v>
          </cell>
          <cell r="G147">
            <v>277</v>
          </cell>
          <cell r="H147">
            <v>356</v>
          </cell>
          <cell r="I147">
            <v>1163</v>
          </cell>
          <cell r="J147">
            <v>1372</v>
          </cell>
          <cell r="K147">
            <v>1112</v>
          </cell>
          <cell r="L147">
            <v>911</v>
          </cell>
          <cell r="M147">
            <v>664</v>
          </cell>
          <cell r="N147">
            <v>634</v>
          </cell>
          <cell r="O147">
            <v>591</v>
          </cell>
          <cell r="P147">
            <v>634</v>
          </cell>
          <cell r="Q147">
            <v>435</v>
          </cell>
          <cell r="R147">
            <v>298</v>
          </cell>
          <cell r="S147">
            <v>165</v>
          </cell>
          <cell r="T147">
            <v>90</v>
          </cell>
          <cell r="U147">
            <v>57</v>
          </cell>
          <cell r="V147">
            <v>23</v>
          </cell>
          <cell r="W147">
            <v>10</v>
          </cell>
          <cell r="X147">
            <v>3</v>
          </cell>
          <cell r="Y147">
            <v>0</v>
          </cell>
        </row>
        <row r="148">
          <cell r="D148">
            <v>4650</v>
          </cell>
          <cell r="E148">
            <v>140</v>
          </cell>
          <cell r="F148">
            <v>124</v>
          </cell>
          <cell r="G148">
            <v>148</v>
          </cell>
          <cell r="H148">
            <v>195</v>
          </cell>
          <cell r="I148">
            <v>592</v>
          </cell>
          <cell r="J148">
            <v>780</v>
          </cell>
          <cell r="K148">
            <v>660</v>
          </cell>
          <cell r="L148">
            <v>517</v>
          </cell>
          <cell r="M148">
            <v>295</v>
          </cell>
          <cell r="N148">
            <v>271</v>
          </cell>
          <cell r="O148">
            <v>233</v>
          </cell>
          <cell r="P148">
            <v>257</v>
          </cell>
          <cell r="Q148">
            <v>184</v>
          </cell>
          <cell r="R148">
            <v>116</v>
          </cell>
          <cell r="S148">
            <v>75</v>
          </cell>
          <cell r="T148">
            <v>32</v>
          </cell>
          <cell r="U148">
            <v>20</v>
          </cell>
          <cell r="V148">
            <v>7</v>
          </cell>
          <cell r="W148">
            <v>3</v>
          </cell>
          <cell r="X148">
            <v>1</v>
          </cell>
          <cell r="Y148">
            <v>0</v>
          </cell>
        </row>
        <row r="149">
          <cell r="D149">
            <v>4687</v>
          </cell>
          <cell r="E149">
            <v>125</v>
          </cell>
          <cell r="F149">
            <v>153</v>
          </cell>
          <cell r="G149">
            <v>129</v>
          </cell>
          <cell r="H149">
            <v>161</v>
          </cell>
          <cell r="I149">
            <v>571</v>
          </cell>
          <cell r="J149">
            <v>592</v>
          </cell>
          <cell r="K149">
            <v>452</v>
          </cell>
          <cell r="L149">
            <v>394</v>
          </cell>
          <cell r="M149">
            <v>369</v>
          </cell>
          <cell r="N149">
            <v>363</v>
          </cell>
          <cell r="O149">
            <v>358</v>
          </cell>
          <cell r="P149">
            <v>377</v>
          </cell>
          <cell r="Q149">
            <v>251</v>
          </cell>
          <cell r="R149">
            <v>182</v>
          </cell>
          <cell r="S149">
            <v>90</v>
          </cell>
          <cell r="T149">
            <v>58</v>
          </cell>
          <cell r="U149">
            <v>37</v>
          </cell>
          <cell r="V149">
            <v>16</v>
          </cell>
          <cell r="W149">
            <v>7</v>
          </cell>
          <cell r="X149">
            <v>2</v>
          </cell>
          <cell r="Y149">
            <v>0</v>
          </cell>
        </row>
        <row r="150">
          <cell r="D150">
            <v>3575</v>
          </cell>
          <cell r="E150">
            <v>160</v>
          </cell>
          <cell r="F150">
            <v>131</v>
          </cell>
          <cell r="G150">
            <v>126</v>
          </cell>
          <cell r="H150">
            <v>115</v>
          </cell>
          <cell r="I150">
            <v>567</v>
          </cell>
          <cell r="J150">
            <v>630</v>
          </cell>
          <cell r="K150">
            <v>526</v>
          </cell>
          <cell r="L150">
            <v>387</v>
          </cell>
          <cell r="M150">
            <v>298</v>
          </cell>
          <cell r="N150">
            <v>187</v>
          </cell>
          <cell r="O150">
            <v>146</v>
          </cell>
          <cell r="P150">
            <v>122</v>
          </cell>
          <cell r="Q150">
            <v>82</v>
          </cell>
          <cell r="R150">
            <v>57</v>
          </cell>
          <cell r="S150">
            <v>24</v>
          </cell>
          <cell r="T150">
            <v>9</v>
          </cell>
          <cell r="U150">
            <v>4</v>
          </cell>
          <cell r="V150">
            <v>3</v>
          </cell>
          <cell r="W150">
            <v>1</v>
          </cell>
          <cell r="X150">
            <v>0</v>
          </cell>
          <cell r="Y150">
            <v>0</v>
          </cell>
        </row>
        <row r="151">
          <cell r="D151">
            <v>1928</v>
          </cell>
          <cell r="E151">
            <v>90</v>
          </cell>
          <cell r="F151">
            <v>71</v>
          </cell>
          <cell r="G151">
            <v>55</v>
          </cell>
          <cell r="H151">
            <v>58</v>
          </cell>
          <cell r="I151">
            <v>328</v>
          </cell>
          <cell r="J151">
            <v>397</v>
          </cell>
          <cell r="K151">
            <v>302</v>
          </cell>
          <cell r="L151">
            <v>221</v>
          </cell>
          <cell r="M151">
            <v>154</v>
          </cell>
          <cell r="N151">
            <v>83</v>
          </cell>
          <cell r="O151">
            <v>53</v>
          </cell>
          <cell r="P151">
            <v>43</v>
          </cell>
          <cell r="Q151">
            <v>30</v>
          </cell>
          <cell r="R151">
            <v>27</v>
          </cell>
          <cell r="S151">
            <v>9</v>
          </cell>
          <cell r="T151">
            <v>6</v>
          </cell>
          <cell r="U151">
            <v>1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</row>
        <row r="152">
          <cell r="D152">
            <v>1647</v>
          </cell>
          <cell r="E152">
            <v>70</v>
          </cell>
          <cell r="F152">
            <v>60</v>
          </cell>
          <cell r="G152">
            <v>71</v>
          </cell>
          <cell r="H152">
            <v>57</v>
          </cell>
          <cell r="I152">
            <v>239</v>
          </cell>
          <cell r="J152">
            <v>233</v>
          </cell>
          <cell r="K152">
            <v>224</v>
          </cell>
          <cell r="L152">
            <v>166</v>
          </cell>
          <cell r="M152">
            <v>144</v>
          </cell>
          <cell r="N152">
            <v>104</v>
          </cell>
          <cell r="O152">
            <v>93</v>
          </cell>
          <cell r="P152">
            <v>79</v>
          </cell>
          <cell r="Q152">
            <v>52</v>
          </cell>
          <cell r="R152">
            <v>30</v>
          </cell>
          <cell r="S152">
            <v>15</v>
          </cell>
          <cell r="T152">
            <v>3</v>
          </cell>
          <cell r="U152">
            <v>3</v>
          </cell>
          <cell r="V152">
            <v>3</v>
          </cell>
          <cell r="W152">
            <v>1</v>
          </cell>
          <cell r="X152">
            <v>0</v>
          </cell>
          <cell r="Y152">
            <v>0</v>
          </cell>
        </row>
        <row r="153">
          <cell r="D153">
            <v>4064</v>
          </cell>
          <cell r="E153">
            <v>165</v>
          </cell>
          <cell r="F153">
            <v>179</v>
          </cell>
          <cell r="G153">
            <v>137</v>
          </cell>
          <cell r="H153">
            <v>135</v>
          </cell>
          <cell r="I153">
            <v>357</v>
          </cell>
          <cell r="J153">
            <v>590</v>
          </cell>
          <cell r="K153">
            <v>576</v>
          </cell>
          <cell r="L153">
            <v>485</v>
          </cell>
          <cell r="M153">
            <v>376</v>
          </cell>
          <cell r="N153">
            <v>284</v>
          </cell>
          <cell r="O153">
            <v>244</v>
          </cell>
          <cell r="P153">
            <v>208</v>
          </cell>
          <cell r="Q153">
            <v>122</v>
          </cell>
          <cell r="R153">
            <v>80</v>
          </cell>
          <cell r="S153">
            <v>57</v>
          </cell>
          <cell r="T153">
            <v>28</v>
          </cell>
          <cell r="U153">
            <v>20</v>
          </cell>
          <cell r="V153">
            <v>7</v>
          </cell>
          <cell r="W153">
            <v>11</v>
          </cell>
          <cell r="X153">
            <v>3</v>
          </cell>
          <cell r="Y153">
            <v>0</v>
          </cell>
        </row>
        <row r="154">
          <cell r="D154">
            <v>2198</v>
          </cell>
          <cell r="E154">
            <v>83</v>
          </cell>
          <cell r="F154">
            <v>100</v>
          </cell>
          <cell r="G154">
            <v>70</v>
          </cell>
          <cell r="H154">
            <v>71</v>
          </cell>
          <cell r="I154">
            <v>218</v>
          </cell>
          <cell r="J154">
            <v>354</v>
          </cell>
          <cell r="K154">
            <v>344</v>
          </cell>
          <cell r="L154">
            <v>262</v>
          </cell>
          <cell r="M154">
            <v>204</v>
          </cell>
          <cell r="N154">
            <v>144</v>
          </cell>
          <cell r="O154">
            <v>113</v>
          </cell>
          <cell r="P154">
            <v>87</v>
          </cell>
          <cell r="Q154">
            <v>60</v>
          </cell>
          <cell r="R154">
            <v>36</v>
          </cell>
          <cell r="S154">
            <v>26</v>
          </cell>
          <cell r="T154">
            <v>12</v>
          </cell>
          <cell r="U154">
            <v>5</v>
          </cell>
          <cell r="V154">
            <v>4</v>
          </cell>
          <cell r="W154">
            <v>5</v>
          </cell>
          <cell r="X154">
            <v>0</v>
          </cell>
          <cell r="Y154">
            <v>0</v>
          </cell>
        </row>
        <row r="155">
          <cell r="D155">
            <v>1866</v>
          </cell>
          <cell r="E155">
            <v>82</v>
          </cell>
          <cell r="F155">
            <v>79</v>
          </cell>
          <cell r="G155">
            <v>67</v>
          </cell>
          <cell r="H155">
            <v>64</v>
          </cell>
          <cell r="I155">
            <v>139</v>
          </cell>
          <cell r="J155">
            <v>236</v>
          </cell>
          <cell r="K155">
            <v>232</v>
          </cell>
          <cell r="L155">
            <v>223</v>
          </cell>
          <cell r="M155">
            <v>172</v>
          </cell>
          <cell r="N155">
            <v>140</v>
          </cell>
          <cell r="O155">
            <v>131</v>
          </cell>
          <cell r="P155">
            <v>121</v>
          </cell>
          <cell r="Q155">
            <v>62</v>
          </cell>
          <cell r="R155">
            <v>44</v>
          </cell>
          <cell r="S155">
            <v>31</v>
          </cell>
          <cell r="T155">
            <v>16</v>
          </cell>
          <cell r="U155">
            <v>15</v>
          </cell>
          <cell r="V155">
            <v>3</v>
          </cell>
          <cell r="W155">
            <v>6</v>
          </cell>
          <cell r="X155">
            <v>3</v>
          </cell>
          <cell r="Y155">
            <v>0</v>
          </cell>
        </row>
        <row r="156">
          <cell r="D156">
            <v>4505</v>
          </cell>
          <cell r="E156">
            <v>177</v>
          </cell>
          <cell r="F156">
            <v>169</v>
          </cell>
          <cell r="G156">
            <v>177</v>
          </cell>
          <cell r="H156">
            <v>163</v>
          </cell>
          <cell r="I156">
            <v>447</v>
          </cell>
          <cell r="J156">
            <v>620</v>
          </cell>
          <cell r="K156">
            <v>516</v>
          </cell>
          <cell r="L156">
            <v>465</v>
          </cell>
          <cell r="M156">
            <v>420</v>
          </cell>
          <cell r="N156">
            <v>333</v>
          </cell>
          <cell r="O156">
            <v>253</v>
          </cell>
          <cell r="P156">
            <v>286</v>
          </cell>
          <cell r="Q156">
            <v>201</v>
          </cell>
          <cell r="R156">
            <v>134</v>
          </cell>
          <cell r="S156">
            <v>70</v>
          </cell>
          <cell r="T156">
            <v>32</v>
          </cell>
          <cell r="U156">
            <v>22</v>
          </cell>
          <cell r="V156">
            <v>9</v>
          </cell>
          <cell r="W156">
            <v>5</v>
          </cell>
          <cell r="X156">
            <v>3</v>
          </cell>
          <cell r="Y156">
            <v>1</v>
          </cell>
        </row>
        <row r="157">
          <cell r="D157">
            <v>2390</v>
          </cell>
          <cell r="E157">
            <v>88</v>
          </cell>
          <cell r="F157">
            <v>94</v>
          </cell>
          <cell r="G157">
            <v>84</v>
          </cell>
          <cell r="H157">
            <v>84</v>
          </cell>
          <cell r="I157">
            <v>278</v>
          </cell>
          <cell r="J157">
            <v>397</v>
          </cell>
          <cell r="K157">
            <v>309</v>
          </cell>
          <cell r="L157">
            <v>272</v>
          </cell>
          <cell r="M157">
            <v>213</v>
          </cell>
          <cell r="N157">
            <v>146</v>
          </cell>
          <cell r="O157">
            <v>116</v>
          </cell>
          <cell r="P157">
            <v>112</v>
          </cell>
          <cell r="Q157">
            <v>87</v>
          </cell>
          <cell r="R157">
            <v>43</v>
          </cell>
          <cell r="S157">
            <v>36</v>
          </cell>
          <cell r="T157">
            <v>16</v>
          </cell>
          <cell r="U157">
            <v>9</v>
          </cell>
          <cell r="V157">
            <v>4</v>
          </cell>
          <cell r="W157">
            <v>1</v>
          </cell>
          <cell r="X157">
            <v>0</v>
          </cell>
          <cell r="Y157">
            <v>0</v>
          </cell>
        </row>
        <row r="158">
          <cell r="D158">
            <v>2115</v>
          </cell>
          <cell r="E158">
            <v>89</v>
          </cell>
          <cell r="F158">
            <v>75</v>
          </cell>
          <cell r="G158">
            <v>93</v>
          </cell>
          <cell r="H158">
            <v>79</v>
          </cell>
          <cell r="I158">
            <v>169</v>
          </cell>
          <cell r="J158">
            <v>223</v>
          </cell>
          <cell r="K158">
            <v>207</v>
          </cell>
          <cell r="L158">
            <v>193</v>
          </cell>
          <cell r="M158">
            <v>207</v>
          </cell>
          <cell r="N158">
            <v>187</v>
          </cell>
          <cell r="O158">
            <v>137</v>
          </cell>
          <cell r="P158">
            <v>174</v>
          </cell>
          <cell r="Q158">
            <v>114</v>
          </cell>
          <cell r="R158">
            <v>91</v>
          </cell>
          <cell r="S158">
            <v>34</v>
          </cell>
          <cell r="T158">
            <v>16</v>
          </cell>
          <cell r="U158">
            <v>13</v>
          </cell>
          <cell r="V158">
            <v>5</v>
          </cell>
          <cell r="W158">
            <v>4</v>
          </cell>
          <cell r="X158">
            <v>3</v>
          </cell>
          <cell r="Y158">
            <v>1</v>
          </cell>
        </row>
        <row r="159">
          <cell r="D159">
            <v>751</v>
          </cell>
          <cell r="E159">
            <v>14</v>
          </cell>
          <cell r="F159">
            <v>10</v>
          </cell>
          <cell r="G159">
            <v>15</v>
          </cell>
          <cell r="H159">
            <v>18</v>
          </cell>
          <cell r="I159">
            <v>82</v>
          </cell>
          <cell r="J159">
            <v>143</v>
          </cell>
          <cell r="K159">
            <v>126</v>
          </cell>
          <cell r="L159">
            <v>83</v>
          </cell>
          <cell r="M159">
            <v>52</v>
          </cell>
          <cell r="N159">
            <v>55</v>
          </cell>
          <cell r="O159">
            <v>39</v>
          </cell>
          <cell r="P159">
            <v>42</v>
          </cell>
          <cell r="Q159">
            <v>31</v>
          </cell>
          <cell r="R159">
            <v>17</v>
          </cell>
          <cell r="S159">
            <v>13</v>
          </cell>
          <cell r="T159">
            <v>5</v>
          </cell>
          <cell r="U159">
            <v>4</v>
          </cell>
          <cell r="V159">
            <v>2</v>
          </cell>
          <cell r="W159">
            <v>0</v>
          </cell>
          <cell r="X159">
            <v>0</v>
          </cell>
          <cell r="Y159">
            <v>0</v>
          </cell>
        </row>
        <row r="160">
          <cell r="D160">
            <v>326</v>
          </cell>
          <cell r="E160">
            <v>4</v>
          </cell>
          <cell r="F160">
            <v>2</v>
          </cell>
          <cell r="G160">
            <v>8</v>
          </cell>
          <cell r="H160">
            <v>10</v>
          </cell>
          <cell r="I160">
            <v>31</v>
          </cell>
          <cell r="J160">
            <v>53</v>
          </cell>
          <cell r="K160">
            <v>62</v>
          </cell>
          <cell r="L160">
            <v>39</v>
          </cell>
          <cell r="M160">
            <v>31</v>
          </cell>
          <cell r="N160">
            <v>14</v>
          </cell>
          <cell r="O160">
            <v>17</v>
          </cell>
          <cell r="P160">
            <v>20</v>
          </cell>
          <cell r="Q160">
            <v>15</v>
          </cell>
          <cell r="R160">
            <v>6</v>
          </cell>
          <cell r="S160">
            <v>8</v>
          </cell>
          <cell r="T160">
            <v>2</v>
          </cell>
          <cell r="U160">
            <v>3</v>
          </cell>
          <cell r="V160">
            <v>1</v>
          </cell>
          <cell r="W160">
            <v>0</v>
          </cell>
          <cell r="X160">
            <v>0</v>
          </cell>
          <cell r="Y160">
            <v>0</v>
          </cell>
        </row>
        <row r="161">
          <cell r="D161">
            <v>425</v>
          </cell>
          <cell r="E161">
            <v>10</v>
          </cell>
          <cell r="F161">
            <v>8</v>
          </cell>
          <cell r="G161">
            <v>7</v>
          </cell>
          <cell r="H161">
            <v>8</v>
          </cell>
          <cell r="I161">
            <v>51</v>
          </cell>
          <cell r="J161">
            <v>90</v>
          </cell>
          <cell r="K161">
            <v>64</v>
          </cell>
          <cell r="L161">
            <v>44</v>
          </cell>
          <cell r="M161">
            <v>21</v>
          </cell>
          <cell r="N161">
            <v>41</v>
          </cell>
          <cell r="O161">
            <v>22</v>
          </cell>
          <cell r="P161">
            <v>22</v>
          </cell>
          <cell r="Q161">
            <v>16</v>
          </cell>
          <cell r="R161">
            <v>11</v>
          </cell>
          <cell r="S161">
            <v>5</v>
          </cell>
          <cell r="T161">
            <v>3</v>
          </cell>
          <cell r="U161">
            <v>1</v>
          </cell>
          <cell r="V161">
            <v>1</v>
          </cell>
          <cell r="W161">
            <v>0</v>
          </cell>
          <cell r="X161">
            <v>0</v>
          </cell>
          <cell r="Y161">
            <v>0</v>
          </cell>
        </row>
        <row r="162">
          <cell r="D162">
            <v>5564</v>
          </cell>
          <cell r="E162">
            <v>211</v>
          </cell>
          <cell r="F162">
            <v>229</v>
          </cell>
          <cell r="G162">
            <v>264</v>
          </cell>
          <cell r="H162">
            <v>233</v>
          </cell>
          <cell r="I162">
            <v>581</v>
          </cell>
          <cell r="J162">
            <v>728</v>
          </cell>
          <cell r="K162">
            <v>660</v>
          </cell>
          <cell r="L162">
            <v>597</v>
          </cell>
          <cell r="M162">
            <v>502</v>
          </cell>
          <cell r="N162">
            <v>433</v>
          </cell>
          <cell r="O162">
            <v>338</v>
          </cell>
          <cell r="P162">
            <v>294</v>
          </cell>
          <cell r="Q162">
            <v>220</v>
          </cell>
          <cell r="R162">
            <v>136</v>
          </cell>
          <cell r="S162">
            <v>68</v>
          </cell>
          <cell r="T162">
            <v>39</v>
          </cell>
          <cell r="U162">
            <v>16</v>
          </cell>
          <cell r="V162">
            <v>11</v>
          </cell>
          <cell r="W162">
            <v>3</v>
          </cell>
          <cell r="X162">
            <v>1</v>
          </cell>
          <cell r="Y162">
            <v>0</v>
          </cell>
        </row>
        <row r="163">
          <cell r="D163">
            <v>3341</v>
          </cell>
          <cell r="E163">
            <v>107</v>
          </cell>
          <cell r="F163">
            <v>125</v>
          </cell>
          <cell r="G163">
            <v>126</v>
          </cell>
          <cell r="H163">
            <v>122</v>
          </cell>
          <cell r="I163">
            <v>410</v>
          </cell>
          <cell r="J163">
            <v>516</v>
          </cell>
          <cell r="K163">
            <v>439</v>
          </cell>
          <cell r="L163">
            <v>376</v>
          </cell>
          <cell r="M163">
            <v>301</v>
          </cell>
          <cell r="N163">
            <v>248</v>
          </cell>
          <cell r="O163">
            <v>178</v>
          </cell>
          <cell r="P163">
            <v>140</v>
          </cell>
          <cell r="Q163">
            <v>108</v>
          </cell>
          <cell r="R163">
            <v>72</v>
          </cell>
          <cell r="S163">
            <v>38</v>
          </cell>
          <cell r="T163">
            <v>22</v>
          </cell>
          <cell r="U163">
            <v>8</v>
          </cell>
          <cell r="V163">
            <v>4</v>
          </cell>
          <cell r="W163">
            <v>0</v>
          </cell>
          <cell r="X163">
            <v>1</v>
          </cell>
          <cell r="Y163">
            <v>0</v>
          </cell>
        </row>
        <row r="164">
          <cell r="D164">
            <v>2223</v>
          </cell>
          <cell r="E164">
            <v>104</v>
          </cell>
          <cell r="F164">
            <v>104</v>
          </cell>
          <cell r="G164">
            <v>138</v>
          </cell>
          <cell r="H164">
            <v>111</v>
          </cell>
          <cell r="I164">
            <v>171</v>
          </cell>
          <cell r="J164">
            <v>212</v>
          </cell>
          <cell r="K164">
            <v>221</v>
          </cell>
          <cell r="L164">
            <v>221</v>
          </cell>
          <cell r="M164">
            <v>201</v>
          </cell>
          <cell r="N164">
            <v>185</v>
          </cell>
          <cell r="O164">
            <v>160</v>
          </cell>
          <cell r="P164">
            <v>154</v>
          </cell>
          <cell r="Q164">
            <v>112</v>
          </cell>
          <cell r="R164">
            <v>64</v>
          </cell>
          <cell r="S164">
            <v>30</v>
          </cell>
          <cell r="T164">
            <v>17</v>
          </cell>
          <cell r="U164">
            <v>8</v>
          </cell>
          <cell r="V164">
            <v>7</v>
          </cell>
          <cell r="W164">
            <v>3</v>
          </cell>
          <cell r="X164">
            <v>0</v>
          </cell>
          <cell r="Y164">
            <v>0</v>
          </cell>
        </row>
        <row r="169">
          <cell r="D169">
            <v>333</v>
          </cell>
          <cell r="E169">
            <v>4</v>
          </cell>
          <cell r="F169">
            <v>5</v>
          </cell>
          <cell r="G169">
            <v>8</v>
          </cell>
          <cell r="H169">
            <v>6</v>
          </cell>
          <cell r="I169">
            <v>8</v>
          </cell>
          <cell r="J169">
            <v>20</v>
          </cell>
          <cell r="K169">
            <v>13</v>
          </cell>
          <cell r="L169">
            <v>34</v>
          </cell>
          <cell r="M169">
            <v>44</v>
          </cell>
          <cell r="N169">
            <v>37</v>
          </cell>
          <cell r="O169">
            <v>38</v>
          </cell>
          <cell r="P169">
            <v>31</v>
          </cell>
          <cell r="Q169">
            <v>25</v>
          </cell>
          <cell r="R169">
            <v>21</v>
          </cell>
          <cell r="S169">
            <v>11</v>
          </cell>
          <cell r="T169">
            <v>9</v>
          </cell>
          <cell r="U169">
            <v>6</v>
          </cell>
          <cell r="V169">
            <v>9</v>
          </cell>
          <cell r="W169">
            <v>4</v>
          </cell>
          <cell r="X169">
            <v>0</v>
          </cell>
          <cell r="Y169">
            <v>0</v>
          </cell>
        </row>
        <row r="170">
          <cell r="D170">
            <v>213</v>
          </cell>
          <cell r="E170">
            <v>2</v>
          </cell>
          <cell r="F170">
            <v>3</v>
          </cell>
          <cell r="G170">
            <v>2</v>
          </cell>
          <cell r="H170">
            <v>4</v>
          </cell>
          <cell r="I170">
            <v>8</v>
          </cell>
          <cell r="J170">
            <v>13</v>
          </cell>
          <cell r="K170">
            <v>5</v>
          </cell>
          <cell r="L170">
            <v>20</v>
          </cell>
          <cell r="M170">
            <v>30</v>
          </cell>
          <cell r="N170">
            <v>25</v>
          </cell>
          <cell r="O170">
            <v>27</v>
          </cell>
          <cell r="P170">
            <v>24</v>
          </cell>
          <cell r="Q170">
            <v>16</v>
          </cell>
          <cell r="R170">
            <v>16</v>
          </cell>
          <cell r="S170">
            <v>6</v>
          </cell>
          <cell r="T170">
            <v>4</v>
          </cell>
          <cell r="U170">
            <v>2</v>
          </cell>
          <cell r="V170">
            <v>3</v>
          </cell>
          <cell r="W170">
            <v>3</v>
          </cell>
          <cell r="X170">
            <v>0</v>
          </cell>
          <cell r="Y170">
            <v>0</v>
          </cell>
        </row>
        <row r="171">
          <cell r="D171">
            <v>120</v>
          </cell>
          <cell r="E171">
            <v>2</v>
          </cell>
          <cell r="F171">
            <v>2</v>
          </cell>
          <cell r="G171">
            <v>6</v>
          </cell>
          <cell r="H171">
            <v>2</v>
          </cell>
          <cell r="I171">
            <v>0</v>
          </cell>
          <cell r="J171">
            <v>7</v>
          </cell>
          <cell r="K171">
            <v>8</v>
          </cell>
          <cell r="L171">
            <v>14</v>
          </cell>
          <cell r="M171">
            <v>14</v>
          </cell>
          <cell r="N171">
            <v>12</v>
          </cell>
          <cell r="O171">
            <v>11</v>
          </cell>
          <cell r="P171">
            <v>7</v>
          </cell>
          <cell r="Q171">
            <v>9</v>
          </cell>
          <cell r="R171">
            <v>5</v>
          </cell>
          <cell r="S171">
            <v>5</v>
          </cell>
          <cell r="T171">
            <v>5</v>
          </cell>
          <cell r="U171">
            <v>4</v>
          </cell>
          <cell r="V171">
            <v>6</v>
          </cell>
          <cell r="W171">
            <v>1</v>
          </cell>
          <cell r="X171">
            <v>0</v>
          </cell>
          <cell r="Y171">
            <v>0</v>
          </cell>
        </row>
        <row r="176">
          <cell r="D176">
            <v>1385</v>
          </cell>
          <cell r="E176">
            <v>53</v>
          </cell>
          <cell r="F176">
            <v>50</v>
          </cell>
          <cell r="G176">
            <v>43</v>
          </cell>
          <cell r="H176">
            <v>43</v>
          </cell>
          <cell r="I176">
            <v>201</v>
          </cell>
          <cell r="J176">
            <v>255</v>
          </cell>
          <cell r="K176">
            <v>203</v>
          </cell>
          <cell r="L176">
            <v>120</v>
          </cell>
          <cell r="M176">
            <v>93</v>
          </cell>
          <cell r="N176">
            <v>69</v>
          </cell>
          <cell r="O176">
            <v>69</v>
          </cell>
          <cell r="P176">
            <v>65</v>
          </cell>
          <cell r="Q176">
            <v>63</v>
          </cell>
          <cell r="R176">
            <v>32</v>
          </cell>
          <cell r="S176">
            <v>10</v>
          </cell>
          <cell r="T176">
            <v>5</v>
          </cell>
          <cell r="U176">
            <v>5</v>
          </cell>
          <cell r="V176">
            <v>4</v>
          </cell>
          <cell r="W176">
            <v>2</v>
          </cell>
          <cell r="X176">
            <v>0</v>
          </cell>
          <cell r="Y176">
            <v>0</v>
          </cell>
        </row>
        <row r="177">
          <cell r="D177">
            <v>844</v>
          </cell>
          <cell r="E177">
            <v>30</v>
          </cell>
          <cell r="F177">
            <v>28</v>
          </cell>
          <cell r="G177">
            <v>22</v>
          </cell>
          <cell r="H177">
            <v>28</v>
          </cell>
          <cell r="I177">
            <v>161</v>
          </cell>
          <cell r="J177">
            <v>176</v>
          </cell>
          <cell r="K177">
            <v>134</v>
          </cell>
          <cell r="L177">
            <v>75</v>
          </cell>
          <cell r="M177">
            <v>46</v>
          </cell>
          <cell r="N177">
            <v>38</v>
          </cell>
          <cell r="O177">
            <v>27</v>
          </cell>
          <cell r="P177">
            <v>28</v>
          </cell>
          <cell r="Q177">
            <v>30</v>
          </cell>
          <cell r="R177">
            <v>10</v>
          </cell>
          <cell r="S177">
            <v>3</v>
          </cell>
          <cell r="T177">
            <v>4</v>
          </cell>
          <cell r="U177">
            <v>3</v>
          </cell>
          <cell r="V177">
            <v>1</v>
          </cell>
          <cell r="W177">
            <v>0</v>
          </cell>
          <cell r="X177">
            <v>0</v>
          </cell>
          <cell r="Y177">
            <v>0</v>
          </cell>
        </row>
        <row r="178">
          <cell r="D178">
            <v>541</v>
          </cell>
          <cell r="E178">
            <v>23</v>
          </cell>
          <cell r="F178">
            <v>22</v>
          </cell>
          <cell r="G178">
            <v>21</v>
          </cell>
          <cell r="H178">
            <v>15</v>
          </cell>
          <cell r="I178">
            <v>40</v>
          </cell>
          <cell r="J178">
            <v>79</v>
          </cell>
          <cell r="K178">
            <v>69</v>
          </cell>
          <cell r="L178">
            <v>45</v>
          </cell>
          <cell r="M178">
            <v>47</v>
          </cell>
          <cell r="N178">
            <v>31</v>
          </cell>
          <cell r="O178">
            <v>42</v>
          </cell>
          <cell r="P178">
            <v>37</v>
          </cell>
          <cell r="Q178">
            <v>33</v>
          </cell>
          <cell r="R178">
            <v>22</v>
          </cell>
          <cell r="S178">
            <v>7</v>
          </cell>
          <cell r="T178">
            <v>1</v>
          </cell>
          <cell r="U178">
            <v>2</v>
          </cell>
          <cell r="V178">
            <v>3</v>
          </cell>
          <cell r="W178">
            <v>2</v>
          </cell>
          <cell r="X178">
            <v>0</v>
          </cell>
          <cell r="Y178">
            <v>0</v>
          </cell>
        </row>
        <row r="183">
          <cell r="D183">
            <v>292</v>
          </cell>
          <cell r="E183">
            <v>2</v>
          </cell>
          <cell r="F183">
            <v>0</v>
          </cell>
          <cell r="G183">
            <v>3</v>
          </cell>
          <cell r="H183">
            <v>7</v>
          </cell>
          <cell r="I183">
            <v>21</v>
          </cell>
          <cell r="J183">
            <v>40</v>
          </cell>
          <cell r="K183">
            <v>34</v>
          </cell>
          <cell r="L183">
            <v>28</v>
          </cell>
          <cell r="M183">
            <v>29</v>
          </cell>
          <cell r="N183">
            <v>34</v>
          </cell>
          <cell r="O183">
            <v>31</v>
          </cell>
          <cell r="P183">
            <v>20</v>
          </cell>
          <cell r="Q183">
            <v>18</v>
          </cell>
          <cell r="R183">
            <v>11</v>
          </cell>
          <cell r="S183">
            <v>4</v>
          </cell>
          <cell r="T183">
            <v>5</v>
          </cell>
          <cell r="U183">
            <v>3</v>
          </cell>
          <cell r="V183">
            <v>2</v>
          </cell>
          <cell r="W183">
            <v>0</v>
          </cell>
          <cell r="X183">
            <v>0</v>
          </cell>
          <cell r="Y183">
            <v>0</v>
          </cell>
        </row>
        <row r="184">
          <cell r="D184">
            <v>163</v>
          </cell>
          <cell r="E184">
            <v>1</v>
          </cell>
          <cell r="F184">
            <v>0</v>
          </cell>
          <cell r="G184">
            <v>2</v>
          </cell>
          <cell r="H184">
            <v>5</v>
          </cell>
          <cell r="I184">
            <v>11</v>
          </cell>
          <cell r="J184">
            <v>21</v>
          </cell>
          <cell r="K184">
            <v>21</v>
          </cell>
          <cell r="L184">
            <v>23</v>
          </cell>
          <cell r="M184">
            <v>16</v>
          </cell>
          <cell r="N184">
            <v>16</v>
          </cell>
          <cell r="O184">
            <v>15</v>
          </cell>
          <cell r="P184">
            <v>11</v>
          </cell>
          <cell r="Q184">
            <v>9</v>
          </cell>
          <cell r="R184">
            <v>6</v>
          </cell>
          <cell r="S184">
            <v>2</v>
          </cell>
          <cell r="T184">
            <v>2</v>
          </cell>
          <cell r="U184">
            <v>1</v>
          </cell>
          <cell r="V184">
            <v>1</v>
          </cell>
          <cell r="W184">
            <v>0</v>
          </cell>
          <cell r="X184">
            <v>0</v>
          </cell>
          <cell r="Y184">
            <v>0</v>
          </cell>
        </row>
        <row r="185">
          <cell r="D185">
            <v>129</v>
          </cell>
          <cell r="E185">
            <v>1</v>
          </cell>
          <cell r="F185">
            <v>0</v>
          </cell>
          <cell r="G185">
            <v>1</v>
          </cell>
          <cell r="H185">
            <v>2</v>
          </cell>
          <cell r="I185">
            <v>10</v>
          </cell>
          <cell r="J185">
            <v>19</v>
          </cell>
          <cell r="K185">
            <v>13</v>
          </cell>
          <cell r="L185">
            <v>5</v>
          </cell>
          <cell r="M185">
            <v>13</v>
          </cell>
          <cell r="N185">
            <v>18</v>
          </cell>
          <cell r="O185">
            <v>16</v>
          </cell>
          <cell r="P185">
            <v>9</v>
          </cell>
          <cell r="Q185">
            <v>9</v>
          </cell>
          <cell r="R185">
            <v>5</v>
          </cell>
          <cell r="S185">
            <v>2</v>
          </cell>
          <cell r="T185">
            <v>3</v>
          </cell>
          <cell r="U185">
            <v>2</v>
          </cell>
          <cell r="V185">
            <v>1</v>
          </cell>
          <cell r="W185">
            <v>0</v>
          </cell>
          <cell r="X185">
            <v>0</v>
          </cell>
          <cell r="Y185">
            <v>0</v>
          </cell>
        </row>
        <row r="186">
          <cell r="D186">
            <v>380</v>
          </cell>
          <cell r="E186">
            <v>9</v>
          </cell>
          <cell r="F186">
            <v>10</v>
          </cell>
          <cell r="G186">
            <v>8</v>
          </cell>
          <cell r="H186">
            <v>18</v>
          </cell>
          <cell r="I186">
            <v>53</v>
          </cell>
          <cell r="J186">
            <v>60</v>
          </cell>
          <cell r="K186">
            <v>57</v>
          </cell>
          <cell r="L186">
            <v>39</v>
          </cell>
          <cell r="M186">
            <v>31</v>
          </cell>
          <cell r="N186">
            <v>23</v>
          </cell>
          <cell r="O186">
            <v>24</v>
          </cell>
          <cell r="P186">
            <v>16</v>
          </cell>
          <cell r="Q186">
            <v>8</v>
          </cell>
          <cell r="R186">
            <v>10</v>
          </cell>
          <cell r="S186">
            <v>6</v>
          </cell>
          <cell r="T186">
            <v>5</v>
          </cell>
          <cell r="U186">
            <v>2</v>
          </cell>
          <cell r="V186">
            <v>0</v>
          </cell>
          <cell r="W186">
            <v>1</v>
          </cell>
          <cell r="X186">
            <v>0</v>
          </cell>
          <cell r="Y186">
            <v>0</v>
          </cell>
        </row>
        <row r="187">
          <cell r="D187">
            <v>217</v>
          </cell>
          <cell r="E187">
            <v>5</v>
          </cell>
          <cell r="F187">
            <v>5</v>
          </cell>
          <cell r="G187">
            <v>5</v>
          </cell>
          <cell r="H187">
            <v>11</v>
          </cell>
          <cell r="I187">
            <v>35</v>
          </cell>
          <cell r="J187">
            <v>34</v>
          </cell>
          <cell r="K187">
            <v>33</v>
          </cell>
          <cell r="L187">
            <v>24</v>
          </cell>
          <cell r="M187">
            <v>19</v>
          </cell>
          <cell r="N187">
            <v>11</v>
          </cell>
          <cell r="O187">
            <v>11</v>
          </cell>
          <cell r="P187">
            <v>9</v>
          </cell>
          <cell r="Q187">
            <v>2</v>
          </cell>
          <cell r="R187">
            <v>7</v>
          </cell>
          <cell r="S187">
            <v>3</v>
          </cell>
          <cell r="T187">
            <v>3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</row>
        <row r="188">
          <cell r="D188">
            <v>163</v>
          </cell>
          <cell r="E188">
            <v>4</v>
          </cell>
          <cell r="F188">
            <v>5</v>
          </cell>
          <cell r="G188">
            <v>3</v>
          </cell>
          <cell r="H188">
            <v>7</v>
          </cell>
          <cell r="I188">
            <v>18</v>
          </cell>
          <cell r="J188">
            <v>26</v>
          </cell>
          <cell r="K188">
            <v>24</v>
          </cell>
          <cell r="L188">
            <v>15</v>
          </cell>
          <cell r="M188">
            <v>12</v>
          </cell>
          <cell r="N188">
            <v>12</v>
          </cell>
          <cell r="O188">
            <v>13</v>
          </cell>
          <cell r="P188">
            <v>7</v>
          </cell>
          <cell r="Q188">
            <v>6</v>
          </cell>
          <cell r="R188">
            <v>3</v>
          </cell>
          <cell r="S188">
            <v>3</v>
          </cell>
          <cell r="T188">
            <v>2</v>
          </cell>
          <cell r="U188">
            <v>2</v>
          </cell>
          <cell r="V188">
            <v>0</v>
          </cell>
          <cell r="W188">
            <v>1</v>
          </cell>
          <cell r="X188">
            <v>0</v>
          </cell>
          <cell r="Y188">
            <v>0</v>
          </cell>
        </row>
        <row r="193">
          <cell r="D193">
            <v>470</v>
          </cell>
          <cell r="E193">
            <v>16</v>
          </cell>
          <cell r="F193">
            <v>18</v>
          </cell>
          <cell r="G193">
            <v>17</v>
          </cell>
          <cell r="H193">
            <v>22</v>
          </cell>
          <cell r="I193">
            <v>71</v>
          </cell>
          <cell r="J193">
            <v>76</v>
          </cell>
          <cell r="K193">
            <v>51</v>
          </cell>
          <cell r="L193">
            <v>49</v>
          </cell>
          <cell r="M193">
            <v>22</v>
          </cell>
          <cell r="N193">
            <v>39</v>
          </cell>
          <cell r="O193">
            <v>34</v>
          </cell>
          <cell r="P193">
            <v>19</v>
          </cell>
          <cell r="Q193">
            <v>21</v>
          </cell>
          <cell r="R193">
            <v>10</v>
          </cell>
          <cell r="S193">
            <v>2</v>
          </cell>
          <cell r="T193">
            <v>3</v>
          </cell>
          <cell r="U193">
            <v>0</v>
          </cell>
          <cell r="V193">
            <v>0</v>
          </cell>
          <cell r="W193">
            <v>0</v>
          </cell>
          <cell r="X193">
            <v>0</v>
          </cell>
          <cell r="Y193">
            <v>0</v>
          </cell>
        </row>
        <row r="194">
          <cell r="D194">
            <v>261</v>
          </cell>
          <cell r="E194">
            <v>5</v>
          </cell>
          <cell r="F194">
            <v>9</v>
          </cell>
          <cell r="G194">
            <v>9</v>
          </cell>
          <cell r="H194">
            <v>12</v>
          </cell>
          <cell r="I194">
            <v>49</v>
          </cell>
          <cell r="J194">
            <v>46</v>
          </cell>
          <cell r="K194">
            <v>35</v>
          </cell>
          <cell r="L194">
            <v>29</v>
          </cell>
          <cell r="M194">
            <v>12</v>
          </cell>
          <cell r="N194">
            <v>15</v>
          </cell>
          <cell r="O194">
            <v>18</v>
          </cell>
          <cell r="P194">
            <v>7</v>
          </cell>
          <cell r="Q194">
            <v>9</v>
          </cell>
          <cell r="R194">
            <v>4</v>
          </cell>
          <cell r="S194">
            <v>1</v>
          </cell>
          <cell r="T194">
            <v>1</v>
          </cell>
          <cell r="U194">
            <v>0</v>
          </cell>
          <cell r="V194">
            <v>0</v>
          </cell>
          <cell r="W194">
            <v>0</v>
          </cell>
          <cell r="X194">
            <v>0</v>
          </cell>
          <cell r="Y194">
            <v>0</v>
          </cell>
        </row>
        <row r="195">
          <cell r="D195">
            <v>209</v>
          </cell>
          <cell r="E195">
            <v>11</v>
          </cell>
          <cell r="F195">
            <v>9</v>
          </cell>
          <cell r="G195">
            <v>8</v>
          </cell>
          <cell r="H195">
            <v>10</v>
          </cell>
          <cell r="I195">
            <v>22</v>
          </cell>
          <cell r="J195">
            <v>30</v>
          </cell>
          <cell r="K195">
            <v>16</v>
          </cell>
          <cell r="L195">
            <v>20</v>
          </cell>
          <cell r="M195">
            <v>10</v>
          </cell>
          <cell r="N195">
            <v>24</v>
          </cell>
          <cell r="O195">
            <v>16</v>
          </cell>
          <cell r="P195">
            <v>12</v>
          </cell>
          <cell r="Q195">
            <v>12</v>
          </cell>
          <cell r="R195">
            <v>6</v>
          </cell>
          <cell r="S195">
            <v>1</v>
          </cell>
          <cell r="T195">
            <v>2</v>
          </cell>
          <cell r="U195">
            <v>0</v>
          </cell>
          <cell r="V195">
            <v>0</v>
          </cell>
          <cell r="W195">
            <v>0</v>
          </cell>
          <cell r="X195">
            <v>0</v>
          </cell>
          <cell r="Y195">
            <v>0</v>
          </cell>
        </row>
        <row r="196">
          <cell r="D196">
            <v>231</v>
          </cell>
          <cell r="E196">
            <v>6</v>
          </cell>
          <cell r="F196">
            <v>5</v>
          </cell>
          <cell r="G196">
            <v>6</v>
          </cell>
          <cell r="H196">
            <v>6</v>
          </cell>
          <cell r="I196">
            <v>27</v>
          </cell>
          <cell r="J196">
            <v>44</v>
          </cell>
          <cell r="K196">
            <v>40</v>
          </cell>
          <cell r="L196">
            <v>23</v>
          </cell>
          <cell r="M196">
            <v>24</v>
          </cell>
          <cell r="N196">
            <v>11</v>
          </cell>
          <cell r="O196">
            <v>9</v>
          </cell>
          <cell r="P196">
            <v>10</v>
          </cell>
          <cell r="Q196">
            <v>9</v>
          </cell>
          <cell r="R196">
            <v>3</v>
          </cell>
          <cell r="S196">
            <v>4</v>
          </cell>
          <cell r="T196">
            <v>1</v>
          </cell>
          <cell r="U196">
            <v>1</v>
          </cell>
          <cell r="V196">
            <v>0</v>
          </cell>
          <cell r="W196">
            <v>1</v>
          </cell>
          <cell r="X196">
            <v>1</v>
          </cell>
          <cell r="Y196">
            <v>0</v>
          </cell>
        </row>
        <row r="197">
          <cell r="D197">
            <v>107</v>
          </cell>
          <cell r="E197">
            <v>2</v>
          </cell>
          <cell r="F197">
            <v>3</v>
          </cell>
          <cell r="G197">
            <v>2</v>
          </cell>
          <cell r="H197">
            <v>4</v>
          </cell>
          <cell r="I197">
            <v>12</v>
          </cell>
          <cell r="J197">
            <v>22</v>
          </cell>
          <cell r="K197">
            <v>21</v>
          </cell>
          <cell r="L197">
            <v>14</v>
          </cell>
          <cell r="M197">
            <v>10</v>
          </cell>
          <cell r="N197">
            <v>6</v>
          </cell>
          <cell r="O197">
            <v>3</v>
          </cell>
          <cell r="P197">
            <v>2</v>
          </cell>
          <cell r="Q197">
            <v>2</v>
          </cell>
          <cell r="R197">
            <v>2</v>
          </cell>
          <cell r="S197">
            <v>1</v>
          </cell>
          <cell r="T197">
            <v>0</v>
          </cell>
          <cell r="U197">
            <v>0</v>
          </cell>
          <cell r="V197">
            <v>0</v>
          </cell>
          <cell r="W197">
            <v>1</v>
          </cell>
          <cell r="X197">
            <v>0</v>
          </cell>
          <cell r="Y197">
            <v>0</v>
          </cell>
        </row>
        <row r="198">
          <cell r="D198">
            <v>124</v>
          </cell>
          <cell r="E198">
            <v>4</v>
          </cell>
          <cell r="F198">
            <v>2</v>
          </cell>
          <cell r="G198">
            <v>4</v>
          </cell>
          <cell r="H198">
            <v>2</v>
          </cell>
          <cell r="I198">
            <v>15</v>
          </cell>
          <cell r="J198">
            <v>22</v>
          </cell>
          <cell r="K198">
            <v>19</v>
          </cell>
          <cell r="L198">
            <v>9</v>
          </cell>
          <cell r="M198">
            <v>14</v>
          </cell>
          <cell r="N198">
            <v>5</v>
          </cell>
          <cell r="O198">
            <v>6</v>
          </cell>
          <cell r="P198">
            <v>8</v>
          </cell>
          <cell r="Q198">
            <v>7</v>
          </cell>
          <cell r="R198">
            <v>1</v>
          </cell>
          <cell r="S198">
            <v>3</v>
          </cell>
          <cell r="T198">
            <v>1</v>
          </cell>
          <cell r="U198">
            <v>1</v>
          </cell>
          <cell r="V198">
            <v>0</v>
          </cell>
          <cell r="W198">
            <v>0</v>
          </cell>
          <cell r="X198">
            <v>1</v>
          </cell>
          <cell r="Y198">
            <v>0</v>
          </cell>
        </row>
        <row r="199">
          <cell r="D199">
            <v>206</v>
          </cell>
          <cell r="E199">
            <v>4</v>
          </cell>
          <cell r="F199">
            <v>1</v>
          </cell>
          <cell r="G199">
            <v>0</v>
          </cell>
          <cell r="H199">
            <v>11</v>
          </cell>
          <cell r="I199">
            <v>27</v>
          </cell>
          <cell r="J199">
            <v>49</v>
          </cell>
          <cell r="K199">
            <v>23</v>
          </cell>
          <cell r="L199">
            <v>15</v>
          </cell>
          <cell r="M199">
            <v>23</v>
          </cell>
          <cell r="N199">
            <v>16</v>
          </cell>
          <cell r="O199">
            <v>10</v>
          </cell>
          <cell r="P199">
            <v>14</v>
          </cell>
          <cell r="Q199">
            <v>6</v>
          </cell>
          <cell r="R199">
            <v>2</v>
          </cell>
          <cell r="S199">
            <v>1</v>
          </cell>
          <cell r="T199">
            <v>3</v>
          </cell>
          <cell r="U199">
            <v>1</v>
          </cell>
          <cell r="V199">
            <v>0</v>
          </cell>
          <cell r="W199">
            <v>0</v>
          </cell>
          <cell r="X199">
            <v>0</v>
          </cell>
          <cell r="Y199">
            <v>0</v>
          </cell>
        </row>
        <row r="200">
          <cell r="D200">
            <v>77</v>
          </cell>
          <cell r="E200">
            <v>4</v>
          </cell>
          <cell r="F200">
            <v>1</v>
          </cell>
          <cell r="G200">
            <v>0</v>
          </cell>
          <cell r="H200">
            <v>1</v>
          </cell>
          <cell r="I200">
            <v>8</v>
          </cell>
          <cell r="J200">
            <v>21</v>
          </cell>
          <cell r="K200">
            <v>12</v>
          </cell>
          <cell r="L200">
            <v>9</v>
          </cell>
          <cell r="M200">
            <v>4</v>
          </cell>
          <cell r="N200">
            <v>5</v>
          </cell>
          <cell r="O200">
            <v>3</v>
          </cell>
          <cell r="P200">
            <v>7</v>
          </cell>
          <cell r="Q200">
            <v>1</v>
          </cell>
          <cell r="R200">
            <v>0</v>
          </cell>
          <cell r="S200">
            <v>0</v>
          </cell>
          <cell r="T200">
            <v>1</v>
          </cell>
          <cell r="U200">
            <v>0</v>
          </cell>
          <cell r="V200">
            <v>0</v>
          </cell>
          <cell r="W200">
            <v>0</v>
          </cell>
          <cell r="X200">
            <v>0</v>
          </cell>
          <cell r="Y200">
            <v>0</v>
          </cell>
        </row>
        <row r="201">
          <cell r="D201">
            <v>129</v>
          </cell>
          <cell r="E201">
            <v>0</v>
          </cell>
          <cell r="F201">
            <v>0</v>
          </cell>
          <cell r="G201">
            <v>0</v>
          </cell>
          <cell r="H201">
            <v>10</v>
          </cell>
          <cell r="I201">
            <v>19</v>
          </cell>
          <cell r="J201">
            <v>28</v>
          </cell>
          <cell r="K201">
            <v>11</v>
          </cell>
          <cell r="L201">
            <v>6</v>
          </cell>
          <cell r="M201">
            <v>19</v>
          </cell>
          <cell r="N201">
            <v>11</v>
          </cell>
          <cell r="O201">
            <v>7</v>
          </cell>
          <cell r="P201">
            <v>7</v>
          </cell>
          <cell r="Q201">
            <v>5</v>
          </cell>
          <cell r="R201">
            <v>2</v>
          </cell>
          <cell r="S201">
            <v>1</v>
          </cell>
          <cell r="T201">
            <v>2</v>
          </cell>
          <cell r="U201">
            <v>1</v>
          </cell>
          <cell r="V201">
            <v>0</v>
          </cell>
          <cell r="W201">
            <v>0</v>
          </cell>
          <cell r="X201">
            <v>0</v>
          </cell>
          <cell r="Y201">
            <v>0</v>
          </cell>
        </row>
        <row r="202">
          <cell r="D202">
            <v>151</v>
          </cell>
          <cell r="E202">
            <v>2</v>
          </cell>
          <cell r="F202">
            <v>4</v>
          </cell>
          <cell r="G202">
            <v>1</v>
          </cell>
          <cell r="H202">
            <v>3</v>
          </cell>
          <cell r="I202">
            <v>20</v>
          </cell>
          <cell r="J202">
            <v>34</v>
          </cell>
          <cell r="K202">
            <v>15</v>
          </cell>
          <cell r="L202">
            <v>23</v>
          </cell>
          <cell r="M202">
            <v>9</v>
          </cell>
          <cell r="N202">
            <v>14</v>
          </cell>
          <cell r="O202">
            <v>8</v>
          </cell>
          <cell r="P202">
            <v>8</v>
          </cell>
          <cell r="Q202">
            <v>3</v>
          </cell>
          <cell r="R202">
            <v>5</v>
          </cell>
          <cell r="S202">
            <v>0</v>
          </cell>
          <cell r="T202">
            <v>1</v>
          </cell>
          <cell r="U202">
            <v>1</v>
          </cell>
          <cell r="V202">
            <v>0</v>
          </cell>
          <cell r="W202">
            <v>0</v>
          </cell>
          <cell r="X202">
            <v>0</v>
          </cell>
          <cell r="Y202">
            <v>0</v>
          </cell>
        </row>
        <row r="203">
          <cell r="D203">
            <v>78</v>
          </cell>
          <cell r="E203">
            <v>1</v>
          </cell>
          <cell r="F203">
            <v>3</v>
          </cell>
          <cell r="G203">
            <v>0</v>
          </cell>
          <cell r="H203">
            <v>1</v>
          </cell>
          <cell r="I203">
            <v>6</v>
          </cell>
          <cell r="J203">
            <v>21</v>
          </cell>
          <cell r="K203">
            <v>11</v>
          </cell>
          <cell r="L203">
            <v>15</v>
          </cell>
          <cell r="M203">
            <v>6</v>
          </cell>
          <cell r="N203">
            <v>9</v>
          </cell>
          <cell r="O203">
            <v>2</v>
          </cell>
          <cell r="P203">
            <v>2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1</v>
          </cell>
          <cell r="V203">
            <v>0</v>
          </cell>
          <cell r="W203">
            <v>0</v>
          </cell>
          <cell r="X203">
            <v>0</v>
          </cell>
          <cell r="Y203">
            <v>0</v>
          </cell>
        </row>
        <row r="204">
          <cell r="D204">
            <v>73</v>
          </cell>
          <cell r="E204">
            <v>1</v>
          </cell>
          <cell r="F204">
            <v>1</v>
          </cell>
          <cell r="G204">
            <v>1</v>
          </cell>
          <cell r="H204">
            <v>2</v>
          </cell>
          <cell r="I204">
            <v>14</v>
          </cell>
          <cell r="J204">
            <v>13</v>
          </cell>
          <cell r="K204">
            <v>4</v>
          </cell>
          <cell r="L204">
            <v>8</v>
          </cell>
          <cell r="M204">
            <v>3</v>
          </cell>
          <cell r="N204">
            <v>5</v>
          </cell>
          <cell r="O204">
            <v>6</v>
          </cell>
          <cell r="P204">
            <v>6</v>
          </cell>
          <cell r="Q204">
            <v>3</v>
          </cell>
          <cell r="R204">
            <v>5</v>
          </cell>
          <cell r="S204">
            <v>0</v>
          </cell>
          <cell r="T204">
            <v>1</v>
          </cell>
          <cell r="U204">
            <v>0</v>
          </cell>
          <cell r="V204">
            <v>0</v>
          </cell>
          <cell r="W204">
            <v>0</v>
          </cell>
          <cell r="X204">
            <v>0</v>
          </cell>
          <cell r="Y204">
            <v>0</v>
          </cell>
        </row>
        <row r="205">
          <cell r="D205">
            <v>245</v>
          </cell>
          <cell r="E205">
            <v>9</v>
          </cell>
          <cell r="F205">
            <v>5</v>
          </cell>
          <cell r="G205">
            <v>6</v>
          </cell>
          <cell r="H205">
            <v>6</v>
          </cell>
          <cell r="I205">
            <v>36</v>
          </cell>
          <cell r="J205">
            <v>38</v>
          </cell>
          <cell r="K205">
            <v>32</v>
          </cell>
          <cell r="L205">
            <v>26</v>
          </cell>
          <cell r="M205">
            <v>20</v>
          </cell>
          <cell r="N205">
            <v>12</v>
          </cell>
          <cell r="O205">
            <v>13</v>
          </cell>
          <cell r="P205">
            <v>16</v>
          </cell>
          <cell r="Q205">
            <v>16</v>
          </cell>
          <cell r="R205">
            <v>5</v>
          </cell>
          <cell r="S205">
            <v>4</v>
          </cell>
          <cell r="T205">
            <v>0</v>
          </cell>
          <cell r="U205">
            <v>0</v>
          </cell>
          <cell r="V205">
            <v>1</v>
          </cell>
          <cell r="W205">
            <v>0</v>
          </cell>
          <cell r="X205">
            <v>0</v>
          </cell>
          <cell r="Y205">
            <v>0</v>
          </cell>
        </row>
        <row r="206">
          <cell r="D206">
            <v>111</v>
          </cell>
          <cell r="E206">
            <v>3</v>
          </cell>
          <cell r="F206">
            <v>3</v>
          </cell>
          <cell r="G206">
            <v>5</v>
          </cell>
          <cell r="H206">
            <v>3</v>
          </cell>
          <cell r="I206">
            <v>21</v>
          </cell>
          <cell r="J206">
            <v>16</v>
          </cell>
          <cell r="K206">
            <v>12</v>
          </cell>
          <cell r="L206">
            <v>12</v>
          </cell>
          <cell r="M206">
            <v>10</v>
          </cell>
          <cell r="N206">
            <v>3</v>
          </cell>
          <cell r="O206">
            <v>6</v>
          </cell>
          <cell r="P206">
            <v>6</v>
          </cell>
          <cell r="Q206">
            <v>6</v>
          </cell>
          <cell r="R206">
            <v>3</v>
          </cell>
          <cell r="S206">
            <v>2</v>
          </cell>
          <cell r="T206">
            <v>0</v>
          </cell>
          <cell r="U206">
            <v>0</v>
          </cell>
          <cell r="V206">
            <v>0</v>
          </cell>
          <cell r="W206">
            <v>0</v>
          </cell>
          <cell r="X206">
            <v>0</v>
          </cell>
          <cell r="Y206">
            <v>0</v>
          </cell>
        </row>
        <row r="207">
          <cell r="D207">
            <v>134</v>
          </cell>
          <cell r="E207">
            <v>6</v>
          </cell>
          <cell r="F207">
            <v>2</v>
          </cell>
          <cell r="G207">
            <v>1</v>
          </cell>
          <cell r="H207">
            <v>3</v>
          </cell>
          <cell r="I207">
            <v>15</v>
          </cell>
          <cell r="J207">
            <v>22</v>
          </cell>
          <cell r="K207">
            <v>20</v>
          </cell>
          <cell r="L207">
            <v>14</v>
          </cell>
          <cell r="M207">
            <v>10</v>
          </cell>
          <cell r="N207">
            <v>9</v>
          </cell>
          <cell r="O207">
            <v>7</v>
          </cell>
          <cell r="P207">
            <v>10</v>
          </cell>
          <cell r="Q207">
            <v>10</v>
          </cell>
          <cell r="R207">
            <v>2</v>
          </cell>
          <cell r="S207">
            <v>2</v>
          </cell>
          <cell r="T207">
            <v>0</v>
          </cell>
          <cell r="U207">
            <v>0</v>
          </cell>
          <cell r="V207">
            <v>1</v>
          </cell>
          <cell r="W207">
            <v>0</v>
          </cell>
          <cell r="X207">
            <v>0</v>
          </cell>
          <cell r="Y207">
            <v>0</v>
          </cell>
        </row>
        <row r="212">
          <cell r="D212">
            <v>1387</v>
          </cell>
          <cell r="E212">
            <v>47</v>
          </cell>
          <cell r="F212">
            <v>16</v>
          </cell>
          <cell r="G212">
            <v>5</v>
          </cell>
          <cell r="H212">
            <v>14</v>
          </cell>
          <cell r="I212">
            <v>320</v>
          </cell>
          <cell r="J212">
            <v>428</v>
          </cell>
          <cell r="K212">
            <v>298</v>
          </cell>
          <cell r="L212">
            <v>121</v>
          </cell>
          <cell r="M212">
            <v>40</v>
          </cell>
          <cell r="N212">
            <v>22</v>
          </cell>
          <cell r="O212">
            <v>22</v>
          </cell>
          <cell r="P212">
            <v>13</v>
          </cell>
          <cell r="Q212">
            <v>13</v>
          </cell>
          <cell r="R212">
            <v>11</v>
          </cell>
          <cell r="S212">
            <v>10</v>
          </cell>
          <cell r="T212">
            <v>5</v>
          </cell>
          <cell r="U212">
            <v>2</v>
          </cell>
          <cell r="V212">
            <v>0</v>
          </cell>
          <cell r="W212">
            <v>0</v>
          </cell>
          <cell r="X212">
            <v>0</v>
          </cell>
          <cell r="Y212">
            <v>0</v>
          </cell>
        </row>
        <row r="213">
          <cell r="D213">
            <v>614</v>
          </cell>
          <cell r="E213">
            <v>22</v>
          </cell>
          <cell r="F213">
            <v>7</v>
          </cell>
          <cell r="G213">
            <v>4</v>
          </cell>
          <cell r="H213">
            <v>10</v>
          </cell>
          <cell r="I213">
            <v>126</v>
          </cell>
          <cell r="J213">
            <v>173</v>
          </cell>
          <cell r="K213">
            <v>135</v>
          </cell>
          <cell r="L213">
            <v>69</v>
          </cell>
          <cell r="M213">
            <v>20</v>
          </cell>
          <cell r="N213">
            <v>9</v>
          </cell>
          <cell r="O213">
            <v>9</v>
          </cell>
          <cell r="P213">
            <v>6</v>
          </cell>
          <cell r="Q213">
            <v>9</v>
          </cell>
          <cell r="R213">
            <v>5</v>
          </cell>
          <cell r="S213">
            <v>6</v>
          </cell>
          <cell r="T213">
            <v>3</v>
          </cell>
          <cell r="U213">
            <v>1</v>
          </cell>
          <cell r="V213">
            <v>0</v>
          </cell>
          <cell r="W213">
            <v>0</v>
          </cell>
          <cell r="X213">
            <v>0</v>
          </cell>
          <cell r="Y213">
            <v>0</v>
          </cell>
        </row>
        <row r="214">
          <cell r="D214">
            <v>773</v>
          </cell>
          <cell r="E214">
            <v>25</v>
          </cell>
          <cell r="F214">
            <v>9</v>
          </cell>
          <cell r="G214">
            <v>1</v>
          </cell>
          <cell r="H214">
            <v>4</v>
          </cell>
          <cell r="I214">
            <v>194</v>
          </cell>
          <cell r="J214">
            <v>255</v>
          </cell>
          <cell r="K214">
            <v>163</v>
          </cell>
          <cell r="L214">
            <v>52</v>
          </cell>
          <cell r="M214">
            <v>20</v>
          </cell>
          <cell r="N214">
            <v>13</v>
          </cell>
          <cell r="O214">
            <v>13</v>
          </cell>
          <cell r="P214">
            <v>7</v>
          </cell>
          <cell r="Q214">
            <v>4</v>
          </cell>
          <cell r="R214">
            <v>6</v>
          </cell>
          <cell r="S214">
            <v>4</v>
          </cell>
          <cell r="T214">
            <v>2</v>
          </cell>
          <cell r="U214">
            <v>1</v>
          </cell>
          <cell r="V214">
            <v>0</v>
          </cell>
          <cell r="W214">
            <v>0</v>
          </cell>
          <cell r="X214">
            <v>0</v>
          </cell>
          <cell r="Y214">
            <v>0</v>
          </cell>
        </row>
        <row r="215">
          <cell r="D215">
            <v>87</v>
          </cell>
          <cell r="E215">
            <v>0</v>
          </cell>
          <cell r="F215">
            <v>0</v>
          </cell>
          <cell r="G215">
            <v>3</v>
          </cell>
          <cell r="H215">
            <v>5</v>
          </cell>
          <cell r="I215">
            <v>9</v>
          </cell>
          <cell r="J215">
            <v>4</v>
          </cell>
          <cell r="K215">
            <v>4</v>
          </cell>
          <cell r="L215">
            <v>7</v>
          </cell>
          <cell r="M215">
            <v>8</v>
          </cell>
          <cell r="N215">
            <v>9</v>
          </cell>
          <cell r="O215">
            <v>6</v>
          </cell>
          <cell r="P215">
            <v>8</v>
          </cell>
          <cell r="Q215">
            <v>7</v>
          </cell>
          <cell r="R215">
            <v>6</v>
          </cell>
          <cell r="S215">
            <v>4</v>
          </cell>
          <cell r="T215">
            <v>4</v>
          </cell>
          <cell r="U215">
            <v>2</v>
          </cell>
          <cell r="V215">
            <v>1</v>
          </cell>
          <cell r="W215">
            <v>0</v>
          </cell>
          <cell r="X215">
            <v>0</v>
          </cell>
          <cell r="Y215">
            <v>0</v>
          </cell>
        </row>
        <row r="216">
          <cell r="D216">
            <v>44</v>
          </cell>
          <cell r="E216">
            <v>0</v>
          </cell>
          <cell r="F216">
            <v>0</v>
          </cell>
          <cell r="G216">
            <v>1</v>
          </cell>
          <cell r="H216">
            <v>3</v>
          </cell>
          <cell r="I216">
            <v>8</v>
          </cell>
          <cell r="J216">
            <v>3</v>
          </cell>
          <cell r="K216">
            <v>3</v>
          </cell>
          <cell r="L216">
            <v>1</v>
          </cell>
          <cell r="M216">
            <v>4</v>
          </cell>
          <cell r="N216">
            <v>3</v>
          </cell>
          <cell r="O216">
            <v>2</v>
          </cell>
          <cell r="P216">
            <v>2</v>
          </cell>
          <cell r="Q216">
            <v>5</v>
          </cell>
          <cell r="R216">
            <v>4</v>
          </cell>
          <cell r="S216">
            <v>1</v>
          </cell>
          <cell r="T216">
            <v>2</v>
          </cell>
          <cell r="U216">
            <v>2</v>
          </cell>
          <cell r="V216">
            <v>0</v>
          </cell>
          <cell r="W216">
            <v>0</v>
          </cell>
          <cell r="X216">
            <v>0</v>
          </cell>
          <cell r="Y216">
            <v>0</v>
          </cell>
        </row>
        <row r="217">
          <cell r="D217">
            <v>43</v>
          </cell>
          <cell r="E217">
            <v>0</v>
          </cell>
          <cell r="F217">
            <v>0</v>
          </cell>
          <cell r="G217">
            <v>2</v>
          </cell>
          <cell r="H217">
            <v>2</v>
          </cell>
          <cell r="I217">
            <v>1</v>
          </cell>
          <cell r="J217">
            <v>1</v>
          </cell>
          <cell r="K217">
            <v>1</v>
          </cell>
          <cell r="L217">
            <v>6</v>
          </cell>
          <cell r="M217">
            <v>4</v>
          </cell>
          <cell r="N217">
            <v>6</v>
          </cell>
          <cell r="O217">
            <v>4</v>
          </cell>
          <cell r="P217">
            <v>6</v>
          </cell>
          <cell r="Q217">
            <v>2</v>
          </cell>
          <cell r="R217">
            <v>2</v>
          </cell>
          <cell r="S217">
            <v>3</v>
          </cell>
          <cell r="T217">
            <v>2</v>
          </cell>
          <cell r="U217">
            <v>0</v>
          </cell>
          <cell r="V217">
            <v>1</v>
          </cell>
          <cell r="W217">
            <v>0</v>
          </cell>
          <cell r="X217">
            <v>0</v>
          </cell>
          <cell r="Y217">
            <v>0</v>
          </cell>
        </row>
        <row r="218">
          <cell r="D218">
            <v>726</v>
          </cell>
          <cell r="E218">
            <v>21</v>
          </cell>
          <cell r="F218">
            <v>5</v>
          </cell>
          <cell r="G218">
            <v>7</v>
          </cell>
          <cell r="H218">
            <v>11</v>
          </cell>
          <cell r="I218">
            <v>94</v>
          </cell>
          <cell r="J218">
            <v>198</v>
          </cell>
          <cell r="K218">
            <v>102</v>
          </cell>
          <cell r="L218">
            <v>59</v>
          </cell>
          <cell r="M218">
            <v>32</v>
          </cell>
          <cell r="N218">
            <v>31</v>
          </cell>
          <cell r="O218">
            <v>32</v>
          </cell>
          <cell r="P218">
            <v>34</v>
          </cell>
          <cell r="Q218">
            <v>27</v>
          </cell>
          <cell r="R218">
            <v>19</v>
          </cell>
          <cell r="S218">
            <v>24</v>
          </cell>
          <cell r="T218">
            <v>12</v>
          </cell>
          <cell r="U218">
            <v>8</v>
          </cell>
          <cell r="V218">
            <v>8</v>
          </cell>
          <cell r="W218">
            <v>2</v>
          </cell>
          <cell r="X218">
            <v>0</v>
          </cell>
          <cell r="Y218">
            <v>0</v>
          </cell>
        </row>
        <row r="219">
          <cell r="D219">
            <v>302</v>
          </cell>
          <cell r="E219">
            <v>10</v>
          </cell>
          <cell r="F219">
            <v>1</v>
          </cell>
          <cell r="G219">
            <v>2</v>
          </cell>
          <cell r="H219">
            <v>7</v>
          </cell>
          <cell r="I219">
            <v>52</v>
          </cell>
          <cell r="J219">
            <v>70</v>
          </cell>
          <cell r="K219">
            <v>46</v>
          </cell>
          <cell r="L219">
            <v>28</v>
          </cell>
          <cell r="M219">
            <v>18</v>
          </cell>
          <cell r="N219">
            <v>9</v>
          </cell>
          <cell r="O219">
            <v>8</v>
          </cell>
          <cell r="P219">
            <v>10</v>
          </cell>
          <cell r="Q219">
            <v>8</v>
          </cell>
          <cell r="R219">
            <v>5</v>
          </cell>
          <cell r="S219">
            <v>12</v>
          </cell>
          <cell r="T219">
            <v>10</v>
          </cell>
          <cell r="U219">
            <v>4</v>
          </cell>
          <cell r="V219">
            <v>1</v>
          </cell>
          <cell r="W219">
            <v>1</v>
          </cell>
          <cell r="X219">
            <v>0</v>
          </cell>
          <cell r="Y219">
            <v>0</v>
          </cell>
        </row>
        <row r="220">
          <cell r="D220">
            <v>424</v>
          </cell>
          <cell r="E220">
            <v>11</v>
          </cell>
          <cell r="F220">
            <v>4</v>
          </cell>
          <cell r="G220">
            <v>5</v>
          </cell>
          <cell r="H220">
            <v>4</v>
          </cell>
          <cell r="I220">
            <v>42</v>
          </cell>
          <cell r="J220">
            <v>128</v>
          </cell>
          <cell r="K220">
            <v>56</v>
          </cell>
          <cell r="L220">
            <v>31</v>
          </cell>
          <cell r="M220">
            <v>14</v>
          </cell>
          <cell r="N220">
            <v>22</v>
          </cell>
          <cell r="O220">
            <v>24</v>
          </cell>
          <cell r="P220">
            <v>24</v>
          </cell>
          <cell r="Q220">
            <v>19</v>
          </cell>
          <cell r="R220">
            <v>14</v>
          </cell>
          <cell r="S220">
            <v>12</v>
          </cell>
          <cell r="T220">
            <v>2</v>
          </cell>
          <cell r="U220">
            <v>4</v>
          </cell>
          <cell r="V220">
            <v>7</v>
          </cell>
          <cell r="W220">
            <v>1</v>
          </cell>
          <cell r="X220">
            <v>0</v>
          </cell>
          <cell r="Y220">
            <v>0</v>
          </cell>
        </row>
        <row r="225">
          <cell r="D225">
            <v>3926</v>
          </cell>
          <cell r="E225">
            <v>182</v>
          </cell>
          <cell r="F225">
            <v>156</v>
          </cell>
          <cell r="G225">
            <v>158</v>
          </cell>
          <cell r="H225">
            <v>167</v>
          </cell>
          <cell r="I225">
            <v>444</v>
          </cell>
          <cell r="J225">
            <v>605</v>
          </cell>
          <cell r="K225">
            <v>462</v>
          </cell>
          <cell r="L225">
            <v>346</v>
          </cell>
          <cell r="M225">
            <v>288</v>
          </cell>
          <cell r="N225">
            <v>252</v>
          </cell>
          <cell r="O225">
            <v>235</v>
          </cell>
          <cell r="P225">
            <v>249</v>
          </cell>
          <cell r="Q225">
            <v>169</v>
          </cell>
          <cell r="R225">
            <v>103</v>
          </cell>
          <cell r="S225">
            <v>65</v>
          </cell>
          <cell r="T225">
            <v>27</v>
          </cell>
          <cell r="U225">
            <v>13</v>
          </cell>
          <cell r="V225">
            <v>3</v>
          </cell>
          <cell r="W225">
            <v>2</v>
          </cell>
          <cell r="X225">
            <v>0</v>
          </cell>
          <cell r="Y225">
            <v>0</v>
          </cell>
        </row>
        <row r="226">
          <cell r="D226">
            <v>2242</v>
          </cell>
          <cell r="E226">
            <v>90</v>
          </cell>
          <cell r="F226">
            <v>83</v>
          </cell>
          <cell r="G226">
            <v>82</v>
          </cell>
          <cell r="H226">
            <v>101</v>
          </cell>
          <cell r="I226">
            <v>294</v>
          </cell>
          <cell r="J226">
            <v>389</v>
          </cell>
          <cell r="K226">
            <v>293</v>
          </cell>
          <cell r="L226">
            <v>213</v>
          </cell>
          <cell r="M226">
            <v>162</v>
          </cell>
          <cell r="N226">
            <v>139</v>
          </cell>
          <cell r="O226">
            <v>110</v>
          </cell>
          <cell r="P226">
            <v>116</v>
          </cell>
          <cell r="Q226">
            <v>79</v>
          </cell>
          <cell r="R226">
            <v>50</v>
          </cell>
          <cell r="S226">
            <v>31</v>
          </cell>
          <cell r="T226">
            <v>7</v>
          </cell>
          <cell r="U226">
            <v>3</v>
          </cell>
          <cell r="V226">
            <v>0</v>
          </cell>
          <cell r="W226">
            <v>0</v>
          </cell>
          <cell r="X226">
            <v>0</v>
          </cell>
          <cell r="Y226">
            <v>0</v>
          </cell>
        </row>
        <row r="227">
          <cell r="D227">
            <v>1684</v>
          </cell>
          <cell r="E227">
            <v>92</v>
          </cell>
          <cell r="F227">
            <v>73</v>
          </cell>
          <cell r="G227">
            <v>76</v>
          </cell>
          <cell r="H227">
            <v>66</v>
          </cell>
          <cell r="I227">
            <v>150</v>
          </cell>
          <cell r="J227">
            <v>216</v>
          </cell>
          <cell r="K227">
            <v>169</v>
          </cell>
          <cell r="L227">
            <v>133</v>
          </cell>
          <cell r="M227">
            <v>126</v>
          </cell>
          <cell r="N227">
            <v>113</v>
          </cell>
          <cell r="O227">
            <v>125</v>
          </cell>
          <cell r="P227">
            <v>133</v>
          </cell>
          <cell r="Q227">
            <v>90</v>
          </cell>
          <cell r="R227">
            <v>53</v>
          </cell>
          <cell r="S227">
            <v>34</v>
          </cell>
          <cell r="T227">
            <v>20</v>
          </cell>
          <cell r="U227">
            <v>10</v>
          </cell>
          <cell r="V227">
            <v>3</v>
          </cell>
          <cell r="W227">
            <v>2</v>
          </cell>
          <cell r="X227">
            <v>0</v>
          </cell>
          <cell r="Y227">
            <v>0</v>
          </cell>
        </row>
        <row r="228">
          <cell r="D228">
            <v>104</v>
          </cell>
          <cell r="E228">
            <v>4</v>
          </cell>
          <cell r="F228">
            <v>2</v>
          </cell>
          <cell r="G228">
            <v>5</v>
          </cell>
          <cell r="H228">
            <v>7</v>
          </cell>
          <cell r="I228">
            <v>11</v>
          </cell>
          <cell r="J228">
            <v>26</v>
          </cell>
          <cell r="K228">
            <v>15</v>
          </cell>
          <cell r="L228">
            <v>8</v>
          </cell>
          <cell r="M228">
            <v>6</v>
          </cell>
          <cell r="N228">
            <v>7</v>
          </cell>
          <cell r="O228">
            <v>4</v>
          </cell>
          <cell r="P228">
            <v>5</v>
          </cell>
          <cell r="Q228">
            <v>1</v>
          </cell>
          <cell r="R228">
            <v>1</v>
          </cell>
          <cell r="S228">
            <v>0</v>
          </cell>
          <cell r="T228">
            <v>2</v>
          </cell>
          <cell r="U228">
            <v>0</v>
          </cell>
          <cell r="V228">
            <v>0</v>
          </cell>
          <cell r="W228">
            <v>0</v>
          </cell>
          <cell r="X228">
            <v>0</v>
          </cell>
          <cell r="Y228">
            <v>0</v>
          </cell>
        </row>
        <row r="229">
          <cell r="D229">
            <v>63</v>
          </cell>
          <cell r="E229">
            <v>1</v>
          </cell>
          <cell r="F229">
            <v>1</v>
          </cell>
          <cell r="G229">
            <v>1</v>
          </cell>
          <cell r="H229">
            <v>5</v>
          </cell>
          <cell r="I229">
            <v>8</v>
          </cell>
          <cell r="J229">
            <v>17</v>
          </cell>
          <cell r="K229">
            <v>12</v>
          </cell>
          <cell r="L229">
            <v>4</v>
          </cell>
          <cell r="M229">
            <v>5</v>
          </cell>
          <cell r="N229">
            <v>5</v>
          </cell>
          <cell r="O229">
            <v>4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0</v>
          </cell>
          <cell r="W229">
            <v>0</v>
          </cell>
          <cell r="X229">
            <v>0</v>
          </cell>
          <cell r="Y229">
            <v>0</v>
          </cell>
        </row>
        <row r="230">
          <cell r="D230">
            <v>41</v>
          </cell>
          <cell r="E230">
            <v>3</v>
          </cell>
          <cell r="F230">
            <v>1</v>
          </cell>
          <cell r="G230">
            <v>4</v>
          </cell>
          <cell r="H230">
            <v>2</v>
          </cell>
          <cell r="I230">
            <v>3</v>
          </cell>
          <cell r="J230">
            <v>9</v>
          </cell>
          <cell r="K230">
            <v>3</v>
          </cell>
          <cell r="L230">
            <v>4</v>
          </cell>
          <cell r="M230">
            <v>1</v>
          </cell>
          <cell r="N230">
            <v>2</v>
          </cell>
          <cell r="O230">
            <v>0</v>
          </cell>
          <cell r="P230">
            <v>5</v>
          </cell>
          <cell r="Q230">
            <v>1</v>
          </cell>
          <cell r="R230">
            <v>1</v>
          </cell>
          <cell r="S230">
            <v>0</v>
          </cell>
          <cell r="T230">
            <v>2</v>
          </cell>
          <cell r="U230">
            <v>0</v>
          </cell>
          <cell r="V230">
            <v>0</v>
          </cell>
          <cell r="W230">
            <v>0</v>
          </cell>
          <cell r="X230">
            <v>0</v>
          </cell>
          <cell r="Y230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1200C0-D1BE-4074-8E06-752973A87F6A}">
  <dimension ref="A1:BQ190"/>
  <sheetViews>
    <sheetView tabSelected="1" view="pageBreakPreview" zoomScale="85" zoomScaleNormal="100" zoomScaleSheetLayoutView="85" workbookViewId="0">
      <pane xSplit="3" ySplit="4" topLeftCell="D5" activePane="bottomRight" state="frozen"/>
      <selection pane="topRight" activeCell="D1" sqref="D1"/>
      <selection pane="bottomLeft" activeCell="A5" sqref="A5"/>
      <selection pane="bottomRight" activeCell="BF167" sqref="BF167"/>
    </sheetView>
  </sheetViews>
  <sheetFormatPr defaultColWidth="9" defaultRowHeight="14.25" x14ac:dyDescent="0.15"/>
  <cols>
    <col min="1" max="1" width="11.5" style="1" customWidth="1"/>
    <col min="2" max="2" width="5.75" style="1" customWidth="1"/>
    <col min="3" max="3" width="7.5" style="4" customWidth="1"/>
    <col min="4" max="4" width="10.625" style="1" customWidth="1"/>
    <col min="5" max="5" width="10.125" style="1" customWidth="1"/>
    <col min="6" max="6" width="10.625" style="1" customWidth="1"/>
    <col min="7" max="69" width="8.625" style="1" customWidth="1"/>
    <col min="70" max="16384" width="9" style="1"/>
  </cols>
  <sheetData>
    <row r="1" spans="1:69" x14ac:dyDescent="0.15">
      <c r="B1" s="2"/>
      <c r="C1" s="2"/>
      <c r="D1" s="2" t="s">
        <v>93</v>
      </c>
      <c r="E1" s="2"/>
      <c r="F1" s="2"/>
      <c r="G1" s="2"/>
      <c r="H1" s="2"/>
      <c r="I1" s="2"/>
      <c r="J1" s="2"/>
      <c r="K1" s="3"/>
      <c r="L1" s="3"/>
      <c r="BQ1" s="4"/>
    </row>
    <row r="2" spans="1:69" ht="15" thickBot="1" x14ac:dyDescent="0.2">
      <c r="A2" s="48"/>
      <c r="B2" s="48"/>
      <c r="C2" s="48"/>
      <c r="D2" s="3"/>
      <c r="E2" s="3"/>
      <c r="F2" s="3"/>
      <c r="G2" s="3" t="s">
        <v>94</v>
      </c>
      <c r="H2" s="3"/>
      <c r="I2" s="3"/>
      <c r="J2" s="3" t="s">
        <v>95</v>
      </c>
      <c r="K2" s="3"/>
      <c r="L2" s="3"/>
      <c r="M2" s="1" t="s">
        <v>96</v>
      </c>
      <c r="P2" s="1" t="s">
        <v>97</v>
      </c>
      <c r="S2" s="1" t="s">
        <v>98</v>
      </c>
      <c r="V2" s="1" t="s">
        <v>99</v>
      </c>
      <c r="Y2" s="1" t="s">
        <v>100</v>
      </c>
      <c r="AB2" s="1" t="s">
        <v>101</v>
      </c>
      <c r="AE2" s="1" t="s">
        <v>102</v>
      </c>
      <c r="AH2" s="1" t="s">
        <v>103</v>
      </c>
      <c r="AK2" s="1" t="s">
        <v>104</v>
      </c>
      <c r="AN2" s="1" t="s">
        <v>105</v>
      </c>
      <c r="AQ2" s="1" t="s">
        <v>106</v>
      </c>
      <c r="AT2" s="1" t="s">
        <v>107</v>
      </c>
      <c r="AW2" s="1" t="s">
        <v>108</v>
      </c>
      <c r="AZ2" s="1" t="s">
        <v>109</v>
      </c>
      <c r="BC2" s="1" t="s">
        <v>110</v>
      </c>
      <c r="BF2" s="1" t="s">
        <v>111</v>
      </c>
      <c r="BI2" s="1" t="s">
        <v>112</v>
      </c>
      <c r="BL2" s="1" t="s">
        <v>113</v>
      </c>
      <c r="BO2" s="1" t="s">
        <v>114</v>
      </c>
    </row>
    <row r="3" spans="1:69" x14ac:dyDescent="0.15">
      <c r="A3" s="5" t="s">
        <v>0</v>
      </c>
      <c r="B3" s="6" t="s">
        <v>1</v>
      </c>
      <c r="C3" s="49" t="s">
        <v>92</v>
      </c>
      <c r="D3" s="7" t="s">
        <v>2</v>
      </c>
      <c r="E3" s="8"/>
      <c r="F3" s="8"/>
      <c r="G3" s="9" t="s">
        <v>3</v>
      </c>
      <c r="H3" s="8"/>
      <c r="I3" s="8"/>
      <c r="J3" s="9" t="s">
        <v>4</v>
      </c>
      <c r="K3" s="8"/>
      <c r="L3" s="8"/>
      <c r="M3" s="9" t="s">
        <v>5</v>
      </c>
      <c r="N3" s="8"/>
      <c r="O3" s="8"/>
      <c r="P3" s="9" t="s">
        <v>6</v>
      </c>
      <c r="Q3" s="8"/>
      <c r="R3" s="8"/>
      <c r="S3" s="9" t="s">
        <v>7</v>
      </c>
      <c r="T3" s="8"/>
      <c r="U3" s="8"/>
      <c r="V3" s="9" t="s">
        <v>8</v>
      </c>
      <c r="W3" s="8"/>
      <c r="X3" s="8"/>
      <c r="Y3" s="9" t="s">
        <v>9</v>
      </c>
      <c r="Z3" s="8"/>
      <c r="AA3" s="8"/>
      <c r="AB3" s="9" t="s">
        <v>10</v>
      </c>
      <c r="AC3" s="8"/>
      <c r="AD3" s="10"/>
      <c r="AE3" s="9" t="s">
        <v>11</v>
      </c>
      <c r="AF3" s="8"/>
      <c r="AG3" s="10"/>
      <c r="AH3" s="9" t="s">
        <v>12</v>
      </c>
      <c r="AI3" s="8"/>
      <c r="AJ3" s="8"/>
      <c r="AK3" s="9" t="s">
        <v>13</v>
      </c>
      <c r="AL3" s="8"/>
      <c r="AM3" s="8"/>
      <c r="AN3" s="9" t="s">
        <v>14</v>
      </c>
      <c r="AO3" s="8"/>
      <c r="AP3" s="8"/>
      <c r="AQ3" s="9" t="s">
        <v>15</v>
      </c>
      <c r="AR3" s="8"/>
      <c r="AS3" s="8"/>
      <c r="AT3" s="9" t="s">
        <v>16</v>
      </c>
      <c r="AU3" s="8"/>
      <c r="AV3" s="8"/>
      <c r="AW3" s="9" t="s">
        <v>17</v>
      </c>
      <c r="AX3" s="8"/>
      <c r="AY3" s="8"/>
      <c r="AZ3" s="9" t="s">
        <v>18</v>
      </c>
      <c r="BA3" s="8"/>
      <c r="BB3" s="8"/>
      <c r="BC3" s="9" t="s">
        <v>19</v>
      </c>
      <c r="BD3" s="8"/>
      <c r="BE3" s="8"/>
      <c r="BF3" s="9" t="s">
        <v>20</v>
      </c>
      <c r="BG3" s="8"/>
      <c r="BH3" s="8"/>
      <c r="BI3" s="9" t="s">
        <v>21</v>
      </c>
      <c r="BJ3" s="8"/>
      <c r="BK3" s="8"/>
      <c r="BL3" s="9" t="s">
        <v>22</v>
      </c>
      <c r="BM3" s="8"/>
      <c r="BN3" s="8"/>
      <c r="BO3" s="9" t="s">
        <v>23</v>
      </c>
      <c r="BP3" s="8"/>
      <c r="BQ3" s="58"/>
    </row>
    <row r="4" spans="1:69" ht="15" thickBot="1" x14ac:dyDescent="0.2">
      <c r="A4" s="11" t="s">
        <v>24</v>
      </c>
      <c r="B4" s="12" t="s">
        <v>25</v>
      </c>
      <c r="C4" s="50"/>
      <c r="D4" s="13" t="s">
        <v>26</v>
      </c>
      <c r="E4" s="14" t="s">
        <v>27</v>
      </c>
      <c r="F4" s="14" t="s">
        <v>28</v>
      </c>
      <c r="G4" s="14" t="s">
        <v>26</v>
      </c>
      <c r="H4" s="14" t="s">
        <v>27</v>
      </c>
      <c r="I4" s="14" t="s">
        <v>28</v>
      </c>
      <c r="J4" s="14" t="s">
        <v>26</v>
      </c>
      <c r="K4" s="14" t="s">
        <v>27</v>
      </c>
      <c r="L4" s="14" t="s">
        <v>28</v>
      </c>
      <c r="M4" s="14" t="s">
        <v>26</v>
      </c>
      <c r="N4" s="14" t="s">
        <v>27</v>
      </c>
      <c r="O4" s="14" t="s">
        <v>28</v>
      </c>
      <c r="P4" s="14" t="s">
        <v>26</v>
      </c>
      <c r="Q4" s="14" t="s">
        <v>27</v>
      </c>
      <c r="R4" s="14" t="s">
        <v>28</v>
      </c>
      <c r="S4" s="14" t="s">
        <v>26</v>
      </c>
      <c r="T4" s="14" t="s">
        <v>27</v>
      </c>
      <c r="U4" s="14" t="s">
        <v>28</v>
      </c>
      <c r="V4" s="14" t="s">
        <v>26</v>
      </c>
      <c r="W4" s="14" t="s">
        <v>27</v>
      </c>
      <c r="X4" s="14" t="s">
        <v>28</v>
      </c>
      <c r="Y4" s="14" t="s">
        <v>26</v>
      </c>
      <c r="Z4" s="14" t="s">
        <v>27</v>
      </c>
      <c r="AA4" s="14" t="s">
        <v>28</v>
      </c>
      <c r="AB4" s="14" t="s">
        <v>26</v>
      </c>
      <c r="AC4" s="14" t="s">
        <v>27</v>
      </c>
      <c r="AD4" s="14" t="s">
        <v>28</v>
      </c>
      <c r="AE4" s="14" t="s">
        <v>26</v>
      </c>
      <c r="AF4" s="14" t="s">
        <v>27</v>
      </c>
      <c r="AG4" s="14" t="s">
        <v>28</v>
      </c>
      <c r="AH4" s="14" t="s">
        <v>26</v>
      </c>
      <c r="AI4" s="14" t="s">
        <v>27</v>
      </c>
      <c r="AJ4" s="14" t="s">
        <v>28</v>
      </c>
      <c r="AK4" s="14" t="s">
        <v>26</v>
      </c>
      <c r="AL4" s="14" t="s">
        <v>27</v>
      </c>
      <c r="AM4" s="14" t="s">
        <v>28</v>
      </c>
      <c r="AN4" s="14" t="s">
        <v>26</v>
      </c>
      <c r="AO4" s="14" t="s">
        <v>27</v>
      </c>
      <c r="AP4" s="14" t="s">
        <v>28</v>
      </c>
      <c r="AQ4" s="14" t="s">
        <v>26</v>
      </c>
      <c r="AR4" s="14" t="s">
        <v>27</v>
      </c>
      <c r="AS4" s="14" t="s">
        <v>28</v>
      </c>
      <c r="AT4" s="14" t="s">
        <v>26</v>
      </c>
      <c r="AU4" s="14" t="s">
        <v>27</v>
      </c>
      <c r="AV4" s="14" t="s">
        <v>28</v>
      </c>
      <c r="AW4" s="14" t="s">
        <v>26</v>
      </c>
      <c r="AX4" s="14" t="s">
        <v>27</v>
      </c>
      <c r="AY4" s="14" t="s">
        <v>28</v>
      </c>
      <c r="AZ4" s="14" t="s">
        <v>26</v>
      </c>
      <c r="BA4" s="14" t="s">
        <v>27</v>
      </c>
      <c r="BB4" s="14" t="s">
        <v>28</v>
      </c>
      <c r="BC4" s="14" t="s">
        <v>26</v>
      </c>
      <c r="BD4" s="14" t="s">
        <v>27</v>
      </c>
      <c r="BE4" s="15" t="s">
        <v>28</v>
      </c>
      <c r="BF4" s="14" t="s">
        <v>26</v>
      </c>
      <c r="BG4" s="14" t="s">
        <v>27</v>
      </c>
      <c r="BH4" s="14" t="s">
        <v>28</v>
      </c>
      <c r="BI4" s="14" t="s">
        <v>26</v>
      </c>
      <c r="BJ4" s="14" t="s">
        <v>27</v>
      </c>
      <c r="BK4" s="14" t="s">
        <v>28</v>
      </c>
      <c r="BL4" s="14" t="s">
        <v>26</v>
      </c>
      <c r="BM4" s="14" t="s">
        <v>27</v>
      </c>
      <c r="BN4" s="14" t="s">
        <v>28</v>
      </c>
      <c r="BO4" s="14" t="s">
        <v>26</v>
      </c>
      <c r="BP4" s="14" t="s">
        <v>27</v>
      </c>
      <c r="BQ4" s="59" t="s">
        <v>28</v>
      </c>
    </row>
    <row r="5" spans="1:69" x14ac:dyDescent="0.15">
      <c r="A5" s="16"/>
      <c r="B5" s="17" t="s">
        <v>29</v>
      </c>
      <c r="C5" s="45">
        <v>140007</v>
      </c>
      <c r="D5" s="18">
        <f>'[1]年齢別人口市区町村(日本人)'!D7</f>
        <v>4414130</v>
      </c>
      <c r="E5" s="19">
        <f>'[1]年齢別人口市区町村(外国人)'!D7</f>
        <v>158757</v>
      </c>
      <c r="F5" s="19">
        <f>'[1]年齢別人口市区町村(総数)'!D7</f>
        <v>4572887</v>
      </c>
      <c r="G5" s="19">
        <f>'[1]年齢別人口市区町村(日本人)'!E7</f>
        <v>137498</v>
      </c>
      <c r="H5" s="19">
        <f>'[1]年齢別人口市区町村(外国人)'!E7</f>
        <v>5183</v>
      </c>
      <c r="I5" s="19">
        <f>'[1]年齢別人口市区町村(総数)'!E7</f>
        <v>142681</v>
      </c>
      <c r="J5" s="19">
        <f>'[1]年齢別人口市区町村(日本人)'!F7</f>
        <v>167888</v>
      </c>
      <c r="K5" s="19">
        <f>'[1]年齢別人口市区町村(外国人)'!F7</f>
        <v>5296</v>
      </c>
      <c r="L5" s="19">
        <f>'[1]年齢別人口市区町村(総数)'!F7</f>
        <v>173184</v>
      </c>
      <c r="M5" s="19">
        <f>'[1]年齢別人口市区町村(日本人)'!G7</f>
        <v>189168</v>
      </c>
      <c r="N5" s="19">
        <f>'[1]年齢別人口市区町村(外国人)'!G7</f>
        <v>4888</v>
      </c>
      <c r="O5" s="19">
        <f>'[1]年齢別人口市区町村(総数)'!G7</f>
        <v>194056</v>
      </c>
      <c r="P5" s="19">
        <f>'[1]年齢別人口市区町村(日本人)'!H7</f>
        <v>203212</v>
      </c>
      <c r="Q5" s="19">
        <f>'[1]年齢別人口市区町村(外国人)'!H7</f>
        <v>5250</v>
      </c>
      <c r="R5" s="19">
        <f>'[1]年齢別人口市区町村(総数)'!H7</f>
        <v>208462</v>
      </c>
      <c r="S5" s="19">
        <f>'[1]年齢別人口市区町村(日本人)'!I7</f>
        <v>230568</v>
      </c>
      <c r="T5" s="19">
        <f>'[1]年齢別人口市区町村(外国人)'!I7</f>
        <v>20758</v>
      </c>
      <c r="U5" s="19">
        <f>'[1]年齢別人口市区町村(総数)'!I7</f>
        <v>251326</v>
      </c>
      <c r="V5" s="19">
        <f>'[1]年齢別人口市区町村(日本人)'!J7</f>
        <v>258885</v>
      </c>
      <c r="W5" s="19">
        <f>'[1]年齢別人口市区町村(外国人)'!J7</f>
        <v>27144</v>
      </c>
      <c r="X5" s="19">
        <f>'[1]年齢別人口市区町村(総数)'!J7</f>
        <v>286029</v>
      </c>
      <c r="Y5" s="19">
        <f>'[1]年齢別人口市区町村(日本人)'!K7</f>
        <v>249857</v>
      </c>
      <c r="Z5" s="19">
        <f>'[1]年齢別人口市区町村(外国人)'!K7</f>
        <v>23727</v>
      </c>
      <c r="AA5" s="19">
        <f>'[1]年齢別人口市区町村(総数)'!K7</f>
        <v>273584</v>
      </c>
      <c r="AB5" s="19">
        <f>'[1]年齢別人口市区町村(日本人)'!L7</f>
        <v>252318</v>
      </c>
      <c r="AC5" s="19">
        <f>'[1]年齢別人口市区町村(外国人)'!L7</f>
        <v>18257</v>
      </c>
      <c r="AD5" s="19">
        <f>'[1]年齢別人口市区町村(総数)'!L7</f>
        <v>270575</v>
      </c>
      <c r="AE5" s="19">
        <f>'[1]年齢別人口市区町村(日本人)'!M7</f>
        <v>286652</v>
      </c>
      <c r="AF5" s="19">
        <f>'[1]年齢別人口市区町村(外国人)'!M7</f>
        <v>13182</v>
      </c>
      <c r="AG5" s="19">
        <f>'[1]年齢別人口市区町村(総数)'!M7</f>
        <v>299834</v>
      </c>
      <c r="AH5" s="19">
        <f>'[1]年齢別人口市区町村(日本人)'!N7</f>
        <v>327035</v>
      </c>
      <c r="AI5" s="19">
        <f>'[1]年齢別人口市区町村(外国人)'!N7</f>
        <v>9546</v>
      </c>
      <c r="AJ5" s="19">
        <f>'[1]年齢別人口市区町村(総数)'!N7</f>
        <v>336581</v>
      </c>
      <c r="AK5" s="19">
        <f>'[1]年齢別人口市区町村(日本人)'!O7</f>
        <v>391859</v>
      </c>
      <c r="AL5" s="19">
        <f>'[1]年齢別人口市区町村(外国人)'!O7</f>
        <v>7214</v>
      </c>
      <c r="AM5" s="19">
        <f>'[1]年齢別人口市区町村(総数)'!O7</f>
        <v>399073</v>
      </c>
      <c r="AN5" s="19">
        <f>'[1]年齢別人口市区町村(日本人)'!P7</f>
        <v>367031</v>
      </c>
      <c r="AO5" s="19">
        <f>'[1]年齢別人口市区町村(外国人)'!P7</f>
        <v>6152</v>
      </c>
      <c r="AP5" s="19">
        <f>'[1]年齢別人口市区町村(総数)'!P7</f>
        <v>373183</v>
      </c>
      <c r="AQ5" s="19">
        <f>'[1]年齢別人口市区町村(日本人)'!Q7</f>
        <v>305743</v>
      </c>
      <c r="AR5" s="19">
        <f>'[1]年齢別人口市区町村(外国人)'!Q7</f>
        <v>4861</v>
      </c>
      <c r="AS5" s="19">
        <f>'[1]年齢別人口市区町村(総数)'!Q7</f>
        <v>310604</v>
      </c>
      <c r="AT5" s="19">
        <f>'[1]年齢別人口市区町村(日本人)'!R7</f>
        <v>236333</v>
      </c>
      <c r="AU5" s="19">
        <f>'[1]年齢別人口市区町村(外国人)'!R7</f>
        <v>2919</v>
      </c>
      <c r="AV5" s="19">
        <f>'[1]年齢別人口市区町村(総数)'!R7</f>
        <v>239252</v>
      </c>
      <c r="AW5" s="19">
        <f>'[1]年齢別人口市区町村(日本人)'!S7</f>
        <v>228550</v>
      </c>
      <c r="AX5" s="19">
        <f>'[1]年齢別人口市区町村(外国人)'!S7</f>
        <v>2004</v>
      </c>
      <c r="AY5" s="19">
        <f>'[1]年齢別人口市区町村(総数)'!S7</f>
        <v>230554</v>
      </c>
      <c r="AZ5" s="19">
        <f>'[1]年齢別人口市区町村(日本人)'!T7</f>
        <v>254005</v>
      </c>
      <c r="BA5" s="19">
        <f>'[1]年齢別人口市区町村(外国人)'!T7</f>
        <v>1252</v>
      </c>
      <c r="BB5" s="19">
        <f>'[1]年齢別人口市区町村(総数)'!T7</f>
        <v>255257</v>
      </c>
      <c r="BC5" s="19">
        <f>'[1]年齢別人口市区町村(日本人)'!U7</f>
        <v>173197</v>
      </c>
      <c r="BD5" s="19">
        <f>'[1]年齢別人口市区町村(外国人)'!U7</f>
        <v>658</v>
      </c>
      <c r="BE5" s="19">
        <f>'[1]年齢別人口市区町村(総数)'!U7</f>
        <v>173855</v>
      </c>
      <c r="BF5" s="19">
        <f>'[1]年齢別人口市区町村(日本人)'!V7</f>
        <v>104026</v>
      </c>
      <c r="BG5" s="19">
        <f>'[1]年齢別人口市区町村(外国人)'!V7</f>
        <v>315</v>
      </c>
      <c r="BH5" s="19">
        <f>'[1]年齢別人口市区町村(総数)'!V7</f>
        <v>104341</v>
      </c>
      <c r="BI5" s="19">
        <f>'[1]年齢別人口市区町村(日本人)'!W7</f>
        <v>41488</v>
      </c>
      <c r="BJ5" s="19">
        <f>'[1]年齢別人口市区町村(外国人)'!W7</f>
        <v>122</v>
      </c>
      <c r="BK5" s="19">
        <f>'[1]年齢別人口市区町村(総数)'!W7</f>
        <v>41610</v>
      </c>
      <c r="BL5" s="19">
        <f>'[1]年齢別人口市区町村(日本人)'!X7</f>
        <v>8073</v>
      </c>
      <c r="BM5" s="19">
        <f>'[1]年齢別人口市区町村(外国人)'!X7</f>
        <v>25</v>
      </c>
      <c r="BN5" s="19">
        <f>'[1]年齢別人口市区町村(総数)'!X7</f>
        <v>8098</v>
      </c>
      <c r="BO5" s="19">
        <f>'[1]年齢別人口市区町村(日本人)'!Y7</f>
        <v>744</v>
      </c>
      <c r="BP5" s="19">
        <f>'[1]年齢別人口市区町村(外国人)'!Y7</f>
        <v>2</v>
      </c>
      <c r="BQ5" s="60">
        <f>'[1]年齢別人口市区町村(総数)'!Y7</f>
        <v>746</v>
      </c>
    </row>
    <row r="6" spans="1:69" x14ac:dyDescent="0.15">
      <c r="A6" s="20" t="s">
        <v>30</v>
      </c>
      <c r="B6" s="21" t="s">
        <v>31</v>
      </c>
      <c r="C6" s="51"/>
      <c r="D6" s="22">
        <f>'[1]年齢別人口市区町村(日本人)'!D8</f>
        <v>4470778</v>
      </c>
      <c r="E6" s="23">
        <f>'[1]年齢別人口市区町村(外国人)'!D8</f>
        <v>151057</v>
      </c>
      <c r="F6" s="24">
        <f>'[1]年齢別人口市区町村(総数)'!D8</f>
        <v>4621835</v>
      </c>
      <c r="G6" s="23">
        <f>'[1]年齢別人口市区町村(日本人)'!E8</f>
        <v>130675</v>
      </c>
      <c r="H6" s="23">
        <f>'[1]年齢別人口市区町村(外国人)'!E8</f>
        <v>4896</v>
      </c>
      <c r="I6" s="24">
        <f>'[1]年齢別人口市区町村(総数)'!E8</f>
        <v>135571</v>
      </c>
      <c r="J6" s="23">
        <f>'[1]年齢別人口市区町村(日本人)'!F8</f>
        <v>159991</v>
      </c>
      <c r="K6" s="23">
        <f>'[1]年齢別人口市区町村(外国人)'!F8</f>
        <v>4727</v>
      </c>
      <c r="L6" s="24">
        <f>'[1]年齢別人口市区町村(総数)'!F8</f>
        <v>164718</v>
      </c>
      <c r="M6" s="23">
        <f>'[1]年齢別人口市区町村(日本人)'!G8</f>
        <v>179412</v>
      </c>
      <c r="N6" s="23">
        <f>'[1]年齢別人口市区町村(外国人)'!G8</f>
        <v>4649</v>
      </c>
      <c r="O6" s="24">
        <f>'[1]年齢別人口市区町村(総数)'!G8</f>
        <v>184061</v>
      </c>
      <c r="P6" s="23">
        <f>'[1]年齢別人口市区町村(日本人)'!H8</f>
        <v>191765</v>
      </c>
      <c r="Q6" s="23">
        <f>'[1]年齢別人口市区町村(外国人)'!H8</f>
        <v>4790</v>
      </c>
      <c r="R6" s="24">
        <f>'[1]年齢別人口市区町村(総数)'!H8</f>
        <v>196555</v>
      </c>
      <c r="S6" s="23">
        <f>'[1]年齢別人口市区町村(日本人)'!I8</f>
        <v>220701</v>
      </c>
      <c r="T6" s="23">
        <f>'[1]年齢別人口市区町村(外国人)'!I8</f>
        <v>15598</v>
      </c>
      <c r="U6" s="24">
        <f>'[1]年齢別人口市区町村(総数)'!I8</f>
        <v>236299</v>
      </c>
      <c r="V6" s="23">
        <f>'[1]年齢別人口市区町村(日本人)'!J8</f>
        <v>244059</v>
      </c>
      <c r="W6" s="23">
        <f>'[1]年齢別人口市区町村(外国人)'!J8</f>
        <v>21493</v>
      </c>
      <c r="X6" s="24">
        <f>'[1]年齢別人口市区町村(総数)'!J8</f>
        <v>265552</v>
      </c>
      <c r="Y6" s="23">
        <f>'[1]年齢別人口市区町村(日本人)'!K8</f>
        <v>232337</v>
      </c>
      <c r="Z6" s="23">
        <f>'[1]年齢別人口市区町村(外国人)'!K8</f>
        <v>18571</v>
      </c>
      <c r="AA6" s="24">
        <f>'[1]年齢別人口市区町村(総数)'!K8</f>
        <v>250908</v>
      </c>
      <c r="AB6" s="23">
        <f>'[1]年齢別人口市区町村(日本人)'!L8</f>
        <v>234675</v>
      </c>
      <c r="AC6" s="23">
        <f>'[1]年齢別人口市区町村(外国人)'!L8</f>
        <v>15589</v>
      </c>
      <c r="AD6" s="24">
        <f>'[1]年齢別人口市区町村(総数)'!L8</f>
        <v>250264</v>
      </c>
      <c r="AE6" s="23">
        <f>'[1]年齢別人口市区町村(日本人)'!M8</f>
        <v>268325</v>
      </c>
      <c r="AF6" s="23">
        <f>'[1]年齢別人口市区町村(外国人)'!M8</f>
        <v>13237</v>
      </c>
      <c r="AG6" s="24">
        <f>'[1]年齢別人口市区町村(総数)'!M8</f>
        <v>281562</v>
      </c>
      <c r="AH6" s="23">
        <f>'[1]年齢別人口市区町村(日本人)'!N8</f>
        <v>307898</v>
      </c>
      <c r="AI6" s="23">
        <f>'[1]年齢別人口市区町村(外国人)'!N8</f>
        <v>11021</v>
      </c>
      <c r="AJ6" s="24">
        <f>'[1]年齢別人口市区町村(総数)'!N8</f>
        <v>318919</v>
      </c>
      <c r="AK6" s="23">
        <f>'[1]年齢別人口市区町村(日本人)'!O8</f>
        <v>372438</v>
      </c>
      <c r="AL6" s="23">
        <f>'[1]年齢別人口市区町村(外国人)'!O8</f>
        <v>9798</v>
      </c>
      <c r="AM6" s="24">
        <f>'[1]年齢別人口市区町村(総数)'!O8</f>
        <v>382236</v>
      </c>
      <c r="AN6" s="23">
        <f>'[1]年齢別人口市区町村(日本人)'!P8</f>
        <v>338372</v>
      </c>
      <c r="AO6" s="23">
        <f>'[1]年齢別人口市区町村(外国人)'!P8</f>
        <v>9341</v>
      </c>
      <c r="AP6" s="24">
        <f>'[1]年齢別人口市区町村(総数)'!P8</f>
        <v>347713</v>
      </c>
      <c r="AQ6" s="23">
        <f>'[1]年齢別人口市区町村(日本人)'!Q8</f>
        <v>282208</v>
      </c>
      <c r="AR6" s="23">
        <f>'[1]年齢別人口市区町村(外国人)'!Q8</f>
        <v>6793</v>
      </c>
      <c r="AS6" s="24">
        <f>'[1]年齢別人口市区町村(総数)'!Q8</f>
        <v>289001</v>
      </c>
      <c r="AT6" s="23">
        <f>'[1]年齢別人口市区町村(日本人)'!R8</f>
        <v>231628</v>
      </c>
      <c r="AU6" s="23">
        <f>'[1]年齢別人口市区町村(外国人)'!R8</f>
        <v>4300</v>
      </c>
      <c r="AV6" s="24">
        <f>'[1]年齢別人口市区町村(総数)'!R8</f>
        <v>235928</v>
      </c>
      <c r="AW6" s="23">
        <f>'[1]年齢別人口市区町村(日本人)'!S8</f>
        <v>246888</v>
      </c>
      <c r="AX6" s="23">
        <f>'[1]年齢別人口市区町村(外国人)'!S8</f>
        <v>2649</v>
      </c>
      <c r="AY6" s="24">
        <f>'[1]年齢別人口市区町村(総数)'!S8</f>
        <v>249537</v>
      </c>
      <c r="AZ6" s="23">
        <f>'[1]年齢別人口市区町村(日本人)'!T8</f>
        <v>304909</v>
      </c>
      <c r="BA6" s="23">
        <f>'[1]年齢別人口市区町村(外国人)'!T8</f>
        <v>1591</v>
      </c>
      <c r="BB6" s="24">
        <f>'[1]年齢別人口市区町村(総数)'!T8</f>
        <v>306500</v>
      </c>
      <c r="BC6" s="23">
        <f>'[1]年齢別人口市区町村(日本人)'!U8</f>
        <v>237392</v>
      </c>
      <c r="BD6" s="23">
        <f>'[1]年齢別人口市区町村(外国人)'!U8</f>
        <v>1051</v>
      </c>
      <c r="BE6" s="24">
        <f>'[1]年齢別人口市区町村(総数)'!U8</f>
        <v>238443</v>
      </c>
      <c r="BF6" s="23">
        <f>'[1]年齢別人口市区町村(日本人)'!V8</f>
        <v>164451</v>
      </c>
      <c r="BG6" s="23">
        <f>'[1]年齢別人口市区町村(外国人)'!V8</f>
        <v>594</v>
      </c>
      <c r="BH6" s="24">
        <f>'[1]年齢別人口市区町村(総数)'!V8</f>
        <v>165045</v>
      </c>
      <c r="BI6" s="23">
        <f>'[1]年齢別人口市区町村(日本人)'!W8</f>
        <v>90059</v>
      </c>
      <c r="BJ6" s="23">
        <f>'[1]年齢別人口市区町村(外国人)'!W8</f>
        <v>258</v>
      </c>
      <c r="BK6" s="24">
        <f>'[1]年齢別人口市区町村(総数)'!W8</f>
        <v>90317</v>
      </c>
      <c r="BL6" s="23">
        <f>'[1]年齢別人口市区町村(日本人)'!X8</f>
        <v>27918</v>
      </c>
      <c r="BM6" s="23">
        <f>'[1]年齢別人口市区町村(外国人)'!X8</f>
        <v>87</v>
      </c>
      <c r="BN6" s="24">
        <f>'[1]年齢別人口市区町村(総数)'!X8</f>
        <v>28005</v>
      </c>
      <c r="BO6" s="23">
        <f>'[1]年齢別人口市区町村(日本人)'!Y8</f>
        <v>4677</v>
      </c>
      <c r="BP6" s="23">
        <f>'[1]年齢別人口市区町村(外国人)'!Y8</f>
        <v>15</v>
      </c>
      <c r="BQ6" s="61">
        <f>'[1]年齢別人口市区町村(総数)'!Y8</f>
        <v>4692</v>
      </c>
    </row>
    <row r="7" spans="1:69" ht="15" thickBot="1" x14ac:dyDescent="0.2">
      <c r="A7" s="11"/>
      <c r="B7" s="25" t="s">
        <v>32</v>
      </c>
      <c r="C7" s="52"/>
      <c r="D7" s="26">
        <f>'[1]年齢別人口市区町村(日本人)'!D6</f>
        <v>8884908</v>
      </c>
      <c r="E7" s="27">
        <f>'[1]年齢別人口市区町村(外国人)'!D6</f>
        <v>309815</v>
      </c>
      <c r="F7" s="28">
        <f>'[1]年齢別人口市区町村(総数)'!D6</f>
        <v>9194723</v>
      </c>
      <c r="G7" s="27">
        <f>'[1]年齢別人口市区町村(日本人)'!E6</f>
        <v>268173</v>
      </c>
      <c r="H7" s="27">
        <f>'[1]年齢別人口市区町村(外国人)'!E6</f>
        <v>10079</v>
      </c>
      <c r="I7" s="28">
        <f>'[1]年齢別人口市区町村(総数)'!E6</f>
        <v>278252</v>
      </c>
      <c r="J7" s="27">
        <f>'[1]年齢別人口市区町村(日本人)'!F6</f>
        <v>327879</v>
      </c>
      <c r="K7" s="27">
        <f>'[1]年齢別人口市区町村(外国人)'!F6</f>
        <v>10023</v>
      </c>
      <c r="L7" s="28">
        <f>'[1]年齢別人口市区町村(総数)'!F6</f>
        <v>337902</v>
      </c>
      <c r="M7" s="27">
        <f>'[1]年齢別人口市区町村(日本人)'!G6</f>
        <v>368580</v>
      </c>
      <c r="N7" s="27">
        <f>'[1]年齢別人口市区町村(外国人)'!G6</f>
        <v>9537</v>
      </c>
      <c r="O7" s="28">
        <f>'[1]年齢別人口市区町村(総数)'!G6</f>
        <v>378117</v>
      </c>
      <c r="P7" s="27">
        <f>'[1]年齢別人口市区町村(日本人)'!H6</f>
        <v>394977</v>
      </c>
      <c r="Q7" s="27">
        <f>'[1]年齢別人口市区町村(外国人)'!H6</f>
        <v>10040</v>
      </c>
      <c r="R7" s="28">
        <f>'[1]年齢別人口市区町村(総数)'!H6</f>
        <v>405017</v>
      </c>
      <c r="S7" s="27">
        <f>'[1]年齢別人口市区町村(日本人)'!I6</f>
        <v>451269</v>
      </c>
      <c r="T7" s="27">
        <f>'[1]年齢別人口市区町村(外国人)'!I6</f>
        <v>36356</v>
      </c>
      <c r="U7" s="28">
        <f>'[1]年齢別人口市区町村(総数)'!I6</f>
        <v>487625</v>
      </c>
      <c r="V7" s="27">
        <f>'[1]年齢別人口市区町村(日本人)'!J6</f>
        <v>502944</v>
      </c>
      <c r="W7" s="27">
        <f>'[1]年齢別人口市区町村(外国人)'!J6</f>
        <v>48637</v>
      </c>
      <c r="X7" s="28">
        <f>'[1]年齢別人口市区町村(総数)'!J6</f>
        <v>551581</v>
      </c>
      <c r="Y7" s="27">
        <f>'[1]年齢別人口市区町村(日本人)'!K6</f>
        <v>482194</v>
      </c>
      <c r="Z7" s="27">
        <f>'[1]年齢別人口市区町村(外国人)'!K6</f>
        <v>42298</v>
      </c>
      <c r="AA7" s="28">
        <f>'[1]年齢別人口市区町村(総数)'!K6</f>
        <v>524492</v>
      </c>
      <c r="AB7" s="27">
        <f>'[1]年齢別人口市区町村(日本人)'!L6</f>
        <v>486993</v>
      </c>
      <c r="AC7" s="27">
        <f>'[1]年齢別人口市区町村(外国人)'!L6</f>
        <v>33846</v>
      </c>
      <c r="AD7" s="28">
        <f>'[1]年齢別人口市区町村(総数)'!L6</f>
        <v>520839</v>
      </c>
      <c r="AE7" s="27">
        <f>'[1]年齢別人口市区町村(日本人)'!M6</f>
        <v>554977</v>
      </c>
      <c r="AF7" s="27">
        <f>'[1]年齢別人口市区町村(外国人)'!M6</f>
        <v>26419</v>
      </c>
      <c r="AG7" s="28">
        <f>'[1]年齢別人口市区町村(総数)'!M6</f>
        <v>581396</v>
      </c>
      <c r="AH7" s="27">
        <f>'[1]年齢別人口市区町村(日本人)'!N6</f>
        <v>634933</v>
      </c>
      <c r="AI7" s="27">
        <f>'[1]年齢別人口市区町村(外国人)'!N6</f>
        <v>20568</v>
      </c>
      <c r="AJ7" s="28">
        <f>'[1]年齢別人口市区町村(総数)'!N6</f>
        <v>655501</v>
      </c>
      <c r="AK7" s="27">
        <f>'[1]年齢別人口市区町村(日本人)'!O6</f>
        <v>764297</v>
      </c>
      <c r="AL7" s="27">
        <f>'[1]年齢別人口市区町村(外国人)'!O6</f>
        <v>17012</v>
      </c>
      <c r="AM7" s="28">
        <f>'[1]年齢別人口市区町村(総数)'!O6</f>
        <v>781309</v>
      </c>
      <c r="AN7" s="27">
        <f>'[1]年齢別人口市区町村(日本人)'!P6</f>
        <v>705403</v>
      </c>
      <c r="AO7" s="27">
        <f>'[1]年齢別人口市区町村(外国人)'!P6</f>
        <v>15493</v>
      </c>
      <c r="AP7" s="28">
        <f>'[1]年齢別人口市区町村(総数)'!P6</f>
        <v>720896</v>
      </c>
      <c r="AQ7" s="27">
        <f>'[1]年齢別人口市区町村(日本人)'!Q6</f>
        <v>587951</v>
      </c>
      <c r="AR7" s="27">
        <f>'[1]年齢別人口市区町村(外国人)'!Q6</f>
        <v>11654</v>
      </c>
      <c r="AS7" s="28">
        <f>'[1]年齢別人口市区町村(総数)'!Q6</f>
        <v>599605</v>
      </c>
      <c r="AT7" s="27">
        <f>'[1]年齢別人口市区町村(日本人)'!R6</f>
        <v>467961</v>
      </c>
      <c r="AU7" s="27">
        <f>'[1]年齢別人口市区町村(外国人)'!R6</f>
        <v>7219</v>
      </c>
      <c r="AV7" s="28">
        <f>'[1]年齢別人口市区町村(総数)'!R6</f>
        <v>475180</v>
      </c>
      <c r="AW7" s="27">
        <f>'[1]年齢別人口市区町村(日本人)'!S6</f>
        <v>475438</v>
      </c>
      <c r="AX7" s="27">
        <f>'[1]年齢別人口市区町村(外国人)'!S6</f>
        <v>4653</v>
      </c>
      <c r="AY7" s="28">
        <f>'[1]年齢別人口市区町村(総数)'!S6</f>
        <v>480091</v>
      </c>
      <c r="AZ7" s="27">
        <f>'[1]年齢別人口市区町村(日本人)'!T6</f>
        <v>558914</v>
      </c>
      <c r="BA7" s="27">
        <f>'[1]年齢別人口市区町村(外国人)'!T6</f>
        <v>2843</v>
      </c>
      <c r="BB7" s="28">
        <f>'[1]年齢別人口市区町村(総数)'!T6</f>
        <v>561757</v>
      </c>
      <c r="BC7" s="27">
        <f>'[1]年齢別人口市区町村(日本人)'!U6</f>
        <v>410589</v>
      </c>
      <c r="BD7" s="27">
        <f>'[1]年齢別人口市区町村(外国人)'!U6</f>
        <v>1709</v>
      </c>
      <c r="BE7" s="28">
        <f>'[1]年齢別人口市区町村(総数)'!U6</f>
        <v>412298</v>
      </c>
      <c r="BF7" s="27">
        <f>'[1]年齢別人口市区町村(日本人)'!V6</f>
        <v>268477</v>
      </c>
      <c r="BG7" s="27">
        <f>'[1]年齢別人口市区町村(外国人)'!V6</f>
        <v>909</v>
      </c>
      <c r="BH7" s="28">
        <f>'[1]年齢別人口市区町村(総数)'!V6</f>
        <v>269386</v>
      </c>
      <c r="BI7" s="27">
        <f>'[1]年齢別人口市区町村(日本人)'!W6</f>
        <v>131547</v>
      </c>
      <c r="BJ7" s="27">
        <f>'[1]年齢別人口市区町村(外国人)'!W6</f>
        <v>380</v>
      </c>
      <c r="BK7" s="28">
        <f>'[1]年齢別人口市区町村(総数)'!W6</f>
        <v>131927</v>
      </c>
      <c r="BL7" s="27">
        <f>'[1]年齢別人口市区町村(日本人)'!X6</f>
        <v>35991</v>
      </c>
      <c r="BM7" s="27">
        <f>'[1]年齢別人口市区町村(外国人)'!X6</f>
        <v>112</v>
      </c>
      <c r="BN7" s="28">
        <f>'[1]年齢別人口市区町村(総数)'!X6</f>
        <v>36103</v>
      </c>
      <c r="BO7" s="27">
        <f>'[1]年齢別人口市区町村(日本人)'!Y6</f>
        <v>5421</v>
      </c>
      <c r="BP7" s="27">
        <f>'[1]年齢別人口市区町村(外国人)'!Y6</f>
        <v>17</v>
      </c>
      <c r="BQ7" s="62">
        <f>'[1]年齢別人口市区町村(総数)'!Y6</f>
        <v>5438</v>
      </c>
    </row>
    <row r="8" spans="1:69" x14ac:dyDescent="0.15">
      <c r="A8" s="20"/>
      <c r="B8" s="17" t="s">
        <v>29</v>
      </c>
      <c r="C8" s="45">
        <v>141003</v>
      </c>
      <c r="D8" s="18">
        <f>'[1]年齢別人口市区町村(日本人)'!D19</f>
        <v>1787527</v>
      </c>
      <c r="E8" s="19">
        <f>'[1]年齢別人口市区町村(外国人)'!D19</f>
        <v>69255</v>
      </c>
      <c r="F8" s="19">
        <f>'[1]年齢別人口市区町村(総数)'!D19</f>
        <v>1856782</v>
      </c>
      <c r="G8" s="19">
        <f>'[1]年齢別人口市区町村(日本人)'!E19</f>
        <v>56510</v>
      </c>
      <c r="H8" s="19">
        <f>'[1]年齢別人口市区町村(外国人)'!E19</f>
        <v>2346</v>
      </c>
      <c r="I8" s="19">
        <f>'[1]年齢別人口市区町村(総数)'!E19</f>
        <v>58856</v>
      </c>
      <c r="J8" s="19">
        <f>'[1]年齢別人口市区町村(日本人)'!F19</f>
        <v>67858</v>
      </c>
      <c r="K8" s="19">
        <f>'[1]年齢別人口市区町村(外国人)'!F19</f>
        <v>2634</v>
      </c>
      <c r="L8" s="19">
        <f>'[1]年齢別人口市区町村(総数)'!F19</f>
        <v>70492</v>
      </c>
      <c r="M8" s="19">
        <f>'[1]年齢別人口市区町村(日本人)'!G19</f>
        <v>76627</v>
      </c>
      <c r="N8" s="19">
        <f>'[1]年齢別人口市区町村(外国人)'!G19</f>
        <v>2432</v>
      </c>
      <c r="O8" s="19">
        <f>'[1]年齢別人口市区町村(総数)'!G19</f>
        <v>79059</v>
      </c>
      <c r="P8" s="19">
        <f>'[1]年齢別人口市区町村(日本人)'!H19</f>
        <v>82056</v>
      </c>
      <c r="Q8" s="19">
        <f>'[1]年齢別人口市区町村(外国人)'!H19</f>
        <v>2352</v>
      </c>
      <c r="R8" s="19">
        <f>'[1]年齢別人口市区町村(総数)'!H19</f>
        <v>84408</v>
      </c>
      <c r="S8" s="19">
        <f>'[1]年齢別人口市区町村(日本人)'!I19</f>
        <v>94837</v>
      </c>
      <c r="T8" s="19">
        <f>'[1]年齢別人口市区町村(外国人)'!I19</f>
        <v>8428</v>
      </c>
      <c r="U8" s="19">
        <f>'[1]年齢別人口市区町村(総数)'!I19</f>
        <v>103265</v>
      </c>
      <c r="V8" s="19">
        <f>'[1]年齢別人口市区町村(日本人)'!J19</f>
        <v>106299</v>
      </c>
      <c r="W8" s="19">
        <f>'[1]年齢別人口市区町村(外国人)'!J19</f>
        <v>11036</v>
      </c>
      <c r="X8" s="19">
        <f>'[1]年齢別人口市区町村(総数)'!J19</f>
        <v>117335</v>
      </c>
      <c r="Y8" s="19">
        <f>'[1]年齢別人口市区町村(日本人)'!K19</f>
        <v>101417</v>
      </c>
      <c r="Z8" s="19">
        <f>'[1]年齢別人口市区町村(外国人)'!K19</f>
        <v>9915</v>
      </c>
      <c r="AA8" s="19">
        <f>'[1]年齢別人口市区町村(総数)'!K19</f>
        <v>111332</v>
      </c>
      <c r="AB8" s="19">
        <f>'[1]年齢別人口市区町村(日本人)'!L19</f>
        <v>101408</v>
      </c>
      <c r="AC8" s="19">
        <f>'[1]年齢別人口市区町村(外国人)'!L19</f>
        <v>8268</v>
      </c>
      <c r="AD8" s="19">
        <f>'[1]年齢別人口市区町村(総数)'!L19</f>
        <v>109676</v>
      </c>
      <c r="AE8" s="19">
        <f>'[1]年齢別人口市区町村(日本人)'!M19</f>
        <v>115499</v>
      </c>
      <c r="AF8" s="19">
        <f>'[1]年齢別人口市区町村(外国人)'!M19</f>
        <v>6218</v>
      </c>
      <c r="AG8" s="19">
        <f>'[1]年齢別人口市区町村(総数)'!M19</f>
        <v>121717</v>
      </c>
      <c r="AH8" s="19">
        <f>'[1]年齢別人口市区町村(日本人)'!N19</f>
        <v>131056</v>
      </c>
      <c r="AI8" s="19">
        <f>'[1]年齢別人口市区町村(外国人)'!N19</f>
        <v>4413</v>
      </c>
      <c r="AJ8" s="19">
        <f>'[1]年齢別人口市区町村(総数)'!N19</f>
        <v>135469</v>
      </c>
      <c r="AK8" s="19">
        <f>'[1]年齢別人口市区町村(日本人)'!O19</f>
        <v>157728</v>
      </c>
      <c r="AL8" s="19">
        <f>'[1]年齢別人口市区町村(外国人)'!O19</f>
        <v>3266</v>
      </c>
      <c r="AM8" s="19">
        <f>'[1]年齢別人口市区町村(総数)'!O19</f>
        <v>160994</v>
      </c>
      <c r="AN8" s="19">
        <f>'[1]年齢別人口市区町村(日本人)'!P19</f>
        <v>152046</v>
      </c>
      <c r="AO8" s="19">
        <f>'[1]年齢別人口市区町村(外国人)'!P19</f>
        <v>2634</v>
      </c>
      <c r="AP8" s="19">
        <f>'[1]年齢別人口市区町村(総数)'!P19</f>
        <v>154680</v>
      </c>
      <c r="AQ8" s="19">
        <f>'[1]年齢別人口市区町村(日本人)'!Q19</f>
        <v>127327</v>
      </c>
      <c r="AR8" s="19">
        <f>'[1]年齢別人口市区町村(外国人)'!Q19</f>
        <v>2070</v>
      </c>
      <c r="AS8" s="19">
        <f>'[1]年齢別人口市区町村(総数)'!Q19</f>
        <v>129397</v>
      </c>
      <c r="AT8" s="19">
        <f>'[1]年齢別人口市区町村(日本人)'!R19</f>
        <v>96295</v>
      </c>
      <c r="AU8" s="19">
        <f>'[1]年齢別人口市区町村(外国人)'!R19</f>
        <v>1229</v>
      </c>
      <c r="AV8" s="19">
        <f>'[1]年齢別人口市区町村(総数)'!R19</f>
        <v>97524</v>
      </c>
      <c r="AW8" s="19">
        <f>'[1]年齢別人口市区町村(日本人)'!S19</f>
        <v>90774</v>
      </c>
      <c r="AX8" s="19">
        <f>'[1]年齢別人口市区町村(外国人)'!S19</f>
        <v>868</v>
      </c>
      <c r="AY8" s="19">
        <f>'[1]年齢別人口市区町村(総数)'!S19</f>
        <v>91642</v>
      </c>
      <c r="AZ8" s="19">
        <f>'[1]年齢別人口市区町村(日本人)'!T19</f>
        <v>99987</v>
      </c>
      <c r="BA8" s="19">
        <f>'[1]年齢別人口市区町村(外国人)'!T19</f>
        <v>592</v>
      </c>
      <c r="BB8" s="19">
        <f>'[1]年齢別人口市区町村(総数)'!T19</f>
        <v>100579</v>
      </c>
      <c r="BC8" s="19">
        <f>'[1]年齢別人口市区町村(日本人)'!U19</f>
        <v>67166</v>
      </c>
      <c r="BD8" s="19">
        <f>'[1]年齢別人口市区町村(外国人)'!U19</f>
        <v>323</v>
      </c>
      <c r="BE8" s="19">
        <f>'[1]年齢別人口市区町村(総数)'!U19</f>
        <v>67489</v>
      </c>
      <c r="BF8" s="19">
        <f>'[1]年齢別人口市区町村(日本人)'!V19</f>
        <v>41465</v>
      </c>
      <c r="BG8" s="19">
        <f>'[1]年齢別人口市区町村(外国人)'!V19</f>
        <v>149</v>
      </c>
      <c r="BH8" s="19">
        <f>'[1]年齢別人口市区町村(総数)'!V19</f>
        <v>41614</v>
      </c>
      <c r="BI8" s="19">
        <f>'[1]年齢別人口市区町村(日本人)'!W19</f>
        <v>17417</v>
      </c>
      <c r="BJ8" s="19">
        <f>'[1]年齢別人口市区町村(外国人)'!W19</f>
        <v>65</v>
      </c>
      <c r="BK8" s="19">
        <f>'[1]年齢別人口市区町村(総数)'!W19</f>
        <v>17482</v>
      </c>
      <c r="BL8" s="19">
        <f>'[1]年齢別人口市区町村(日本人)'!X19</f>
        <v>3424</v>
      </c>
      <c r="BM8" s="19">
        <f>'[1]年齢別人口市区町村(外国人)'!X19</f>
        <v>16</v>
      </c>
      <c r="BN8" s="19">
        <f>'[1]年齢別人口市区町村(総数)'!X19</f>
        <v>3440</v>
      </c>
      <c r="BO8" s="19">
        <f>'[1]年齢別人口市区町村(日本人)'!Y19</f>
        <v>331</v>
      </c>
      <c r="BP8" s="19">
        <f>'[1]年齢別人口市区町村(外国人)'!Y19</f>
        <v>0</v>
      </c>
      <c r="BQ8" s="60">
        <f>'[1]年齢別人口市区町村(総数)'!Y19</f>
        <v>331</v>
      </c>
    </row>
    <row r="9" spans="1:69" x14ac:dyDescent="0.15">
      <c r="A9" s="20" t="s">
        <v>33</v>
      </c>
      <c r="B9" s="21" t="s">
        <v>31</v>
      </c>
      <c r="C9" s="51"/>
      <c r="D9" s="22">
        <f>'[1]年齢別人口市区町村(日本人)'!D20</f>
        <v>1827988</v>
      </c>
      <c r="E9" s="23">
        <f>'[1]年齢別人口市区町村(外国人)'!D20</f>
        <v>68545</v>
      </c>
      <c r="F9" s="24">
        <f>'[1]年齢別人口市区町村(総数)'!D20</f>
        <v>1896533</v>
      </c>
      <c r="G9" s="23">
        <f>'[1]年齢別人口市区町村(日本人)'!E20</f>
        <v>53811</v>
      </c>
      <c r="H9" s="23">
        <f>'[1]年齢別人口市区町村(外国人)'!E20</f>
        <v>2143</v>
      </c>
      <c r="I9" s="24">
        <f>'[1]年齢別人口市区町村(総数)'!E20</f>
        <v>55954</v>
      </c>
      <c r="J9" s="23">
        <f>'[1]年齢別人口市区町村(日本人)'!F20</f>
        <v>64790</v>
      </c>
      <c r="K9" s="23">
        <f>'[1]年齢別人口市区町村(外国人)'!F20</f>
        <v>2249</v>
      </c>
      <c r="L9" s="24">
        <f>'[1]年齢別人口市区町村(総数)'!F20</f>
        <v>67039</v>
      </c>
      <c r="M9" s="23">
        <f>'[1]年齢別人口市区町村(日本人)'!G20</f>
        <v>72806</v>
      </c>
      <c r="N9" s="23">
        <f>'[1]年齢別人口市区町村(外国人)'!G20</f>
        <v>2251</v>
      </c>
      <c r="O9" s="24">
        <f>'[1]年齢別人口市区町村(総数)'!G20</f>
        <v>75057</v>
      </c>
      <c r="P9" s="23">
        <f>'[1]年齢別人口市区町村(日本人)'!H20</f>
        <v>77709</v>
      </c>
      <c r="Q9" s="23">
        <f>'[1]年齢別人口市区町村(外国人)'!H20</f>
        <v>2244</v>
      </c>
      <c r="R9" s="24">
        <f>'[1]年齢別人口市区町村(総数)'!H20</f>
        <v>79953</v>
      </c>
      <c r="S9" s="23">
        <f>'[1]年齢別人口市区町村(日本人)'!I20</f>
        <v>92311</v>
      </c>
      <c r="T9" s="23">
        <f>'[1]年齢別人口市区町村(外国人)'!I20</f>
        <v>6706</v>
      </c>
      <c r="U9" s="24">
        <f>'[1]年齢別人口市区町村(総数)'!I20</f>
        <v>99017</v>
      </c>
      <c r="V9" s="23">
        <f>'[1]年齢別人口市区町村(日本人)'!J20</f>
        <v>102653</v>
      </c>
      <c r="W9" s="23">
        <f>'[1]年齢別人口市区町村(外国人)'!J20</f>
        <v>9259</v>
      </c>
      <c r="X9" s="24">
        <f>'[1]年齢別人口市区町村(総数)'!J20</f>
        <v>111912</v>
      </c>
      <c r="Y9" s="23">
        <f>'[1]年齢別人口市区町村(日本人)'!K20</f>
        <v>96041</v>
      </c>
      <c r="Z9" s="23">
        <f>'[1]年齢別人口市区町村(外国人)'!K20</f>
        <v>8275</v>
      </c>
      <c r="AA9" s="24">
        <f>'[1]年齢別人口市区町村(総数)'!K20</f>
        <v>104316</v>
      </c>
      <c r="AB9" s="23">
        <f>'[1]年齢別人口市区町村(日本人)'!L20</f>
        <v>96395</v>
      </c>
      <c r="AC9" s="23">
        <f>'[1]年齢別人口市区町村(外国人)'!L20</f>
        <v>7473</v>
      </c>
      <c r="AD9" s="24">
        <f>'[1]年齢別人口市区町村(総数)'!L20</f>
        <v>103868</v>
      </c>
      <c r="AE9" s="23">
        <f>'[1]年齢別人口市区町村(日本人)'!M20</f>
        <v>109371</v>
      </c>
      <c r="AF9" s="23">
        <f>'[1]年齢別人口市区町村(外国人)'!M20</f>
        <v>6422</v>
      </c>
      <c r="AG9" s="24">
        <f>'[1]年齢別人口市区町村(総数)'!M20</f>
        <v>115793</v>
      </c>
      <c r="AH9" s="23">
        <f>'[1]年齢別人口市区町村(日本人)'!N20</f>
        <v>125312</v>
      </c>
      <c r="AI9" s="23">
        <f>'[1]年齢別人口市区町村(外国人)'!N20</f>
        <v>5079</v>
      </c>
      <c r="AJ9" s="24">
        <f>'[1]年齢別人口市区町村(総数)'!N20</f>
        <v>130391</v>
      </c>
      <c r="AK9" s="23">
        <f>'[1]年齢別人口市区町村(日本人)'!O20</f>
        <v>153590</v>
      </c>
      <c r="AL9" s="23">
        <f>'[1]年齢別人口市区町村(外国人)'!O20</f>
        <v>4395</v>
      </c>
      <c r="AM9" s="24">
        <f>'[1]年齢別人口市区町村(総数)'!O20</f>
        <v>157985</v>
      </c>
      <c r="AN9" s="23">
        <f>'[1]年齢別人口市区町村(日本人)'!P20</f>
        <v>142570</v>
      </c>
      <c r="AO9" s="23">
        <f>'[1]年齢別人口市区町村(外国人)'!P20</f>
        <v>4128</v>
      </c>
      <c r="AP9" s="24">
        <f>'[1]年齢別人口市区町村(総数)'!P20</f>
        <v>146698</v>
      </c>
      <c r="AQ9" s="23">
        <f>'[1]年齢別人口市区町村(日本人)'!Q20</f>
        <v>117845</v>
      </c>
      <c r="AR9" s="23">
        <f>'[1]年齢別人口市区町村(外国人)'!Q20</f>
        <v>3008</v>
      </c>
      <c r="AS9" s="24">
        <f>'[1]年齢別人口市区町村(総数)'!Q20</f>
        <v>120853</v>
      </c>
      <c r="AT9" s="23">
        <f>'[1]年齢別人口市区町村(日本人)'!R20</f>
        <v>94928</v>
      </c>
      <c r="AU9" s="23">
        <f>'[1]年齢別人口市区町村(外国人)'!R20</f>
        <v>1947</v>
      </c>
      <c r="AV9" s="24">
        <f>'[1]年齢別人口市区町村(総数)'!R20</f>
        <v>96875</v>
      </c>
      <c r="AW9" s="23">
        <f>'[1]年齢別人口市区町村(日本人)'!S20</f>
        <v>97257</v>
      </c>
      <c r="AX9" s="23">
        <f>'[1]年齢別人口市区町村(外国人)'!S20</f>
        <v>1239</v>
      </c>
      <c r="AY9" s="24">
        <f>'[1]年齢別人口市区町村(総数)'!S20</f>
        <v>98496</v>
      </c>
      <c r="AZ9" s="23">
        <f>'[1]年齢別人口市区町村(日本人)'!T20</f>
        <v>119045</v>
      </c>
      <c r="BA9" s="23">
        <f>'[1]年齢別人口市区町村(外国人)'!T20</f>
        <v>758</v>
      </c>
      <c r="BB9" s="24">
        <f>'[1]年齢別人口市区町村(総数)'!T20</f>
        <v>119803</v>
      </c>
      <c r="BC9" s="23">
        <f>'[1]年齢別人口市区町村(日本人)'!U20</f>
        <v>93685</v>
      </c>
      <c r="BD9" s="23">
        <f>'[1]年齢別人口市区町村(外国人)'!U20</f>
        <v>507</v>
      </c>
      <c r="BE9" s="24">
        <f>'[1]年齢別人口市区町村(総数)'!U20</f>
        <v>94192</v>
      </c>
      <c r="BF9" s="23">
        <f>'[1]年齢別人口市区町村(日本人)'!V20</f>
        <v>66963</v>
      </c>
      <c r="BG9" s="23">
        <f>'[1]年齢別人口市区町村(外国人)'!V20</f>
        <v>271</v>
      </c>
      <c r="BH9" s="24">
        <f>'[1]年齢別人口市区町村(総数)'!V20</f>
        <v>67234</v>
      </c>
      <c r="BI9" s="23">
        <f>'[1]年齢別人口市区町村(日本人)'!W20</f>
        <v>37580</v>
      </c>
      <c r="BJ9" s="23">
        <f>'[1]年齢別人口市区町村(外国人)'!W20</f>
        <v>128</v>
      </c>
      <c r="BK9" s="24">
        <f>'[1]年齢別人口市区町村(総数)'!W20</f>
        <v>37708</v>
      </c>
      <c r="BL9" s="23">
        <f>'[1]年齢別人口市区町村(日本人)'!X20</f>
        <v>11419</v>
      </c>
      <c r="BM9" s="23">
        <f>'[1]年齢別人口市区町村(外国人)'!X20</f>
        <v>45</v>
      </c>
      <c r="BN9" s="24">
        <f>'[1]年齢別人口市区町村(総数)'!X20</f>
        <v>11464</v>
      </c>
      <c r="BO9" s="23">
        <f>'[1]年齢別人口市区町村(日本人)'!Y20</f>
        <v>1907</v>
      </c>
      <c r="BP9" s="23">
        <f>'[1]年齢別人口市区町村(外国人)'!Y20</f>
        <v>10</v>
      </c>
      <c r="BQ9" s="61">
        <f>'[1]年齢別人口市区町村(総数)'!Y20</f>
        <v>1917</v>
      </c>
    </row>
    <row r="10" spans="1:69" ht="15" thickBot="1" x14ac:dyDescent="0.2">
      <c r="A10" s="29"/>
      <c r="B10" s="25" t="s">
        <v>32</v>
      </c>
      <c r="C10" s="52"/>
      <c r="D10" s="26">
        <f>'[1]年齢別人口市区町村(日本人)'!D18</f>
        <v>3615515</v>
      </c>
      <c r="E10" s="27">
        <f>'[1]年齢別人口市区町村(外国人)'!D18</f>
        <v>137800</v>
      </c>
      <c r="F10" s="28">
        <f>'[1]年齢別人口市区町村(総数)'!D18</f>
        <v>3753315</v>
      </c>
      <c r="G10" s="27">
        <f>'[1]年齢別人口市区町村(日本人)'!E18</f>
        <v>110321</v>
      </c>
      <c r="H10" s="27">
        <f>'[1]年齢別人口市区町村(外国人)'!E18</f>
        <v>4489</v>
      </c>
      <c r="I10" s="28">
        <f>'[1]年齢別人口市区町村(総数)'!E18</f>
        <v>114810</v>
      </c>
      <c r="J10" s="27">
        <f>'[1]年齢別人口市区町村(日本人)'!F18</f>
        <v>132648</v>
      </c>
      <c r="K10" s="27">
        <f>'[1]年齢別人口市区町村(外国人)'!F18</f>
        <v>4883</v>
      </c>
      <c r="L10" s="28">
        <f>'[1]年齢別人口市区町村(総数)'!F18</f>
        <v>137531</v>
      </c>
      <c r="M10" s="27">
        <f>'[1]年齢別人口市区町村(日本人)'!G18</f>
        <v>149433</v>
      </c>
      <c r="N10" s="27">
        <f>'[1]年齢別人口市区町村(外国人)'!G18</f>
        <v>4683</v>
      </c>
      <c r="O10" s="28">
        <f>'[1]年齢別人口市区町村(総数)'!G18</f>
        <v>154116</v>
      </c>
      <c r="P10" s="27">
        <f>'[1]年齢別人口市区町村(日本人)'!H18</f>
        <v>159765</v>
      </c>
      <c r="Q10" s="27">
        <f>'[1]年齢別人口市区町村(外国人)'!H18</f>
        <v>4596</v>
      </c>
      <c r="R10" s="28">
        <f>'[1]年齢別人口市区町村(総数)'!H18</f>
        <v>164361</v>
      </c>
      <c r="S10" s="27">
        <f>'[1]年齢別人口市区町村(日本人)'!I18</f>
        <v>187148</v>
      </c>
      <c r="T10" s="27">
        <f>'[1]年齢別人口市区町村(外国人)'!I18</f>
        <v>15134</v>
      </c>
      <c r="U10" s="28">
        <f>'[1]年齢別人口市区町村(総数)'!I18</f>
        <v>202282</v>
      </c>
      <c r="V10" s="27">
        <f>'[1]年齢別人口市区町村(日本人)'!J18</f>
        <v>208952</v>
      </c>
      <c r="W10" s="27">
        <f>'[1]年齢別人口市区町村(外国人)'!J18</f>
        <v>20295</v>
      </c>
      <c r="X10" s="28">
        <f>'[1]年齢別人口市区町村(総数)'!J18</f>
        <v>229247</v>
      </c>
      <c r="Y10" s="27">
        <f>'[1]年齢別人口市区町村(日本人)'!K18</f>
        <v>197458</v>
      </c>
      <c r="Z10" s="27">
        <f>'[1]年齢別人口市区町村(外国人)'!K18</f>
        <v>18190</v>
      </c>
      <c r="AA10" s="28">
        <f>'[1]年齢別人口市区町村(総数)'!K18</f>
        <v>215648</v>
      </c>
      <c r="AB10" s="27">
        <f>'[1]年齢別人口市区町村(日本人)'!L18</f>
        <v>197803</v>
      </c>
      <c r="AC10" s="27">
        <f>'[1]年齢別人口市区町村(外国人)'!L18</f>
        <v>15741</v>
      </c>
      <c r="AD10" s="28">
        <f>'[1]年齢別人口市区町村(総数)'!L18</f>
        <v>213544</v>
      </c>
      <c r="AE10" s="27">
        <f>'[1]年齢別人口市区町村(日本人)'!M18</f>
        <v>224870</v>
      </c>
      <c r="AF10" s="27">
        <f>'[1]年齢別人口市区町村(外国人)'!M18</f>
        <v>12640</v>
      </c>
      <c r="AG10" s="28">
        <f>'[1]年齢別人口市区町村(総数)'!M18</f>
        <v>237510</v>
      </c>
      <c r="AH10" s="27">
        <f>'[1]年齢別人口市区町村(日本人)'!N18</f>
        <v>256368</v>
      </c>
      <c r="AI10" s="27">
        <f>'[1]年齢別人口市区町村(外国人)'!N18</f>
        <v>9492</v>
      </c>
      <c r="AJ10" s="28">
        <f>'[1]年齢別人口市区町村(総数)'!N18</f>
        <v>265860</v>
      </c>
      <c r="AK10" s="27">
        <f>'[1]年齢別人口市区町村(日本人)'!O18</f>
        <v>311318</v>
      </c>
      <c r="AL10" s="27">
        <f>'[1]年齢別人口市区町村(外国人)'!O18</f>
        <v>7661</v>
      </c>
      <c r="AM10" s="28">
        <f>'[1]年齢別人口市区町村(総数)'!O18</f>
        <v>318979</v>
      </c>
      <c r="AN10" s="27">
        <f>'[1]年齢別人口市区町村(日本人)'!P18</f>
        <v>294616</v>
      </c>
      <c r="AO10" s="27">
        <f>'[1]年齢別人口市区町村(外国人)'!P18</f>
        <v>6762</v>
      </c>
      <c r="AP10" s="28">
        <f>'[1]年齢別人口市区町村(総数)'!P18</f>
        <v>301378</v>
      </c>
      <c r="AQ10" s="27">
        <f>'[1]年齢別人口市区町村(日本人)'!Q18</f>
        <v>245172</v>
      </c>
      <c r="AR10" s="27">
        <f>'[1]年齢別人口市区町村(外国人)'!Q18</f>
        <v>5078</v>
      </c>
      <c r="AS10" s="28">
        <f>'[1]年齢別人口市区町村(総数)'!Q18</f>
        <v>250250</v>
      </c>
      <c r="AT10" s="27">
        <f>'[1]年齢別人口市区町村(日本人)'!R18</f>
        <v>191223</v>
      </c>
      <c r="AU10" s="27">
        <f>'[1]年齢別人口市区町村(外国人)'!R18</f>
        <v>3176</v>
      </c>
      <c r="AV10" s="28">
        <f>'[1]年齢別人口市区町村(総数)'!R18</f>
        <v>194399</v>
      </c>
      <c r="AW10" s="27">
        <f>'[1]年齢別人口市区町村(日本人)'!S18</f>
        <v>188031</v>
      </c>
      <c r="AX10" s="27">
        <f>'[1]年齢別人口市区町村(外国人)'!S18</f>
        <v>2107</v>
      </c>
      <c r="AY10" s="28">
        <f>'[1]年齢別人口市区町村(総数)'!S18</f>
        <v>190138</v>
      </c>
      <c r="AZ10" s="27">
        <f>'[1]年齢別人口市区町村(日本人)'!T18</f>
        <v>219032</v>
      </c>
      <c r="BA10" s="27">
        <f>'[1]年齢別人口市区町村(外国人)'!T18</f>
        <v>1350</v>
      </c>
      <c r="BB10" s="28">
        <f>'[1]年齢別人口市区町村(総数)'!T18</f>
        <v>220382</v>
      </c>
      <c r="BC10" s="27">
        <f>'[1]年齢別人口市区町村(日本人)'!U18</f>
        <v>160851</v>
      </c>
      <c r="BD10" s="27">
        <f>'[1]年齢別人口市区町村(外国人)'!U18</f>
        <v>830</v>
      </c>
      <c r="BE10" s="28">
        <f>'[1]年齢別人口市区町村(総数)'!U18</f>
        <v>161681</v>
      </c>
      <c r="BF10" s="27">
        <f>'[1]年齢別人口市区町村(日本人)'!V18</f>
        <v>108428</v>
      </c>
      <c r="BG10" s="27">
        <f>'[1]年齢別人口市区町村(外国人)'!V18</f>
        <v>420</v>
      </c>
      <c r="BH10" s="28">
        <f>'[1]年齢別人口市区町村(総数)'!V18</f>
        <v>108848</v>
      </c>
      <c r="BI10" s="27">
        <f>'[1]年齢別人口市区町村(日本人)'!W18</f>
        <v>54997</v>
      </c>
      <c r="BJ10" s="27">
        <f>'[1]年齢別人口市区町村(外国人)'!W18</f>
        <v>193</v>
      </c>
      <c r="BK10" s="28">
        <f>'[1]年齢別人口市区町村(総数)'!W18</f>
        <v>55190</v>
      </c>
      <c r="BL10" s="27">
        <f>'[1]年齢別人口市区町村(日本人)'!X18</f>
        <v>14843</v>
      </c>
      <c r="BM10" s="27">
        <f>'[1]年齢別人口市区町村(外国人)'!X18</f>
        <v>61</v>
      </c>
      <c r="BN10" s="28">
        <f>'[1]年齢別人口市区町村(総数)'!X18</f>
        <v>14904</v>
      </c>
      <c r="BO10" s="27">
        <f>'[1]年齢別人口市区町村(日本人)'!Y18</f>
        <v>2238</v>
      </c>
      <c r="BP10" s="27">
        <f>'[1]年齢別人口市区町村(外国人)'!Y18</f>
        <v>10</v>
      </c>
      <c r="BQ10" s="62">
        <f>'[1]年齢別人口市区町村(総数)'!Y18</f>
        <v>2248</v>
      </c>
    </row>
    <row r="11" spans="1:69" x14ac:dyDescent="0.15">
      <c r="A11" s="30"/>
      <c r="B11" s="17" t="s">
        <v>29</v>
      </c>
      <c r="C11" s="45">
        <v>141011</v>
      </c>
      <c r="D11" s="18">
        <f>'[1]年齢別人口市区町村(日本人)'!D23</f>
        <v>143964</v>
      </c>
      <c r="E11" s="19">
        <f>'[1]年齢別人口市区町村(外国人)'!D23</f>
        <v>9560</v>
      </c>
      <c r="F11" s="19">
        <f>'[1]年齢別人口市区町村(総数)'!D23</f>
        <v>153524</v>
      </c>
      <c r="G11" s="19">
        <f>'[1]年齢別人口市区町村(日本人)'!E23</f>
        <v>4270</v>
      </c>
      <c r="H11" s="19">
        <f>'[1]年齢別人口市区町村(外国人)'!E23</f>
        <v>352</v>
      </c>
      <c r="I11" s="19">
        <f>'[1]年齢別人口市区町村(総数)'!E23</f>
        <v>4622</v>
      </c>
      <c r="J11" s="19">
        <f>'[1]年齢別人口市区町村(日本人)'!F23</f>
        <v>5346</v>
      </c>
      <c r="K11" s="19">
        <f>'[1]年齢別人口市区町村(外国人)'!F23</f>
        <v>391</v>
      </c>
      <c r="L11" s="19">
        <f>'[1]年齢別人口市区町村(総数)'!F23</f>
        <v>5737</v>
      </c>
      <c r="M11" s="19">
        <f>'[1]年齢別人口市区町村(日本人)'!G23</f>
        <v>6235</v>
      </c>
      <c r="N11" s="19">
        <f>'[1]年齢別人口市区町村(外国人)'!G23</f>
        <v>332</v>
      </c>
      <c r="O11" s="19">
        <f>'[1]年齢別人口市区町村(総数)'!G23</f>
        <v>6567</v>
      </c>
      <c r="P11" s="19">
        <f>'[1]年齢別人口市区町村(日本人)'!H23</f>
        <v>6289</v>
      </c>
      <c r="Q11" s="19">
        <f>'[1]年齢別人口市区町村(外国人)'!H23</f>
        <v>332</v>
      </c>
      <c r="R11" s="19">
        <f>'[1]年齢別人口市区町村(総数)'!H23</f>
        <v>6621</v>
      </c>
      <c r="S11" s="19">
        <f>'[1]年齢別人口市区町村(日本人)'!I23</f>
        <v>7849</v>
      </c>
      <c r="T11" s="19">
        <f>'[1]年齢別人口市区町村(外国人)'!I23</f>
        <v>1098</v>
      </c>
      <c r="U11" s="19">
        <f>'[1]年齢別人口市区町村(総数)'!I23</f>
        <v>8947</v>
      </c>
      <c r="V11" s="19">
        <f>'[1]年齢別人口市区町村(日本人)'!J23</f>
        <v>10669</v>
      </c>
      <c r="W11" s="19">
        <f>'[1]年齢別人口市区町村(外国人)'!J23</f>
        <v>1592</v>
      </c>
      <c r="X11" s="19">
        <f>'[1]年齢別人口市区町村(総数)'!J23</f>
        <v>12261</v>
      </c>
      <c r="Y11" s="19">
        <f>'[1]年齢別人口市区町村(日本人)'!K23</f>
        <v>9479</v>
      </c>
      <c r="Z11" s="19">
        <f>'[1]年齢別人口市区町村(外国人)'!K23</f>
        <v>1473</v>
      </c>
      <c r="AA11" s="19">
        <f>'[1]年齢別人口市区町村(総数)'!K23</f>
        <v>10952</v>
      </c>
      <c r="AB11" s="19">
        <f>'[1]年齢別人口市区町村(日本人)'!L23</f>
        <v>8994</v>
      </c>
      <c r="AC11" s="19">
        <f>'[1]年齢別人口市区町村(外国人)'!L23</f>
        <v>1207</v>
      </c>
      <c r="AD11" s="19">
        <f>'[1]年齢別人口市区町村(総数)'!L23</f>
        <v>10201</v>
      </c>
      <c r="AE11" s="19">
        <f>'[1]年齢別人口市区町村(日本人)'!M23</f>
        <v>10266</v>
      </c>
      <c r="AF11" s="19">
        <f>'[1]年齢別人口市区町村(外国人)'!M23</f>
        <v>818</v>
      </c>
      <c r="AG11" s="19">
        <f>'[1]年齢別人口市区町村(総数)'!M23</f>
        <v>11084</v>
      </c>
      <c r="AH11" s="19">
        <f>'[1]年齢別人口市区町村(日本人)'!N23</f>
        <v>11317</v>
      </c>
      <c r="AI11" s="19">
        <f>'[1]年齢別人口市区町村(外国人)'!N23</f>
        <v>555</v>
      </c>
      <c r="AJ11" s="19">
        <f>'[1]年齢別人口市区町村(総数)'!N23</f>
        <v>11872</v>
      </c>
      <c r="AK11" s="19">
        <f>'[1]年齢別人口市区町村(日本人)'!O23</f>
        <v>13461</v>
      </c>
      <c r="AL11" s="19">
        <f>'[1]年齢別人口市区町村(外国人)'!O23</f>
        <v>437</v>
      </c>
      <c r="AM11" s="19">
        <f>'[1]年齢別人口市区町村(総数)'!O23</f>
        <v>13898</v>
      </c>
      <c r="AN11" s="19">
        <f>'[1]年齢別人口市区町村(日本人)'!P23</f>
        <v>11611</v>
      </c>
      <c r="AO11" s="19">
        <f>'[1]年齢別人口市区町村(外国人)'!P23</f>
        <v>345</v>
      </c>
      <c r="AP11" s="19">
        <f>'[1]年齢別人口市区町村(総数)'!P23</f>
        <v>11956</v>
      </c>
      <c r="AQ11" s="19">
        <f>'[1]年齢別人口市区町村(日本人)'!Q23</f>
        <v>9422</v>
      </c>
      <c r="AR11" s="19">
        <f>'[1]年齢別人口市区町村(外国人)'!Q23</f>
        <v>271</v>
      </c>
      <c r="AS11" s="19">
        <f>'[1]年齢別人口市区町村(総数)'!Q23</f>
        <v>9693</v>
      </c>
      <c r="AT11" s="19">
        <f>'[1]年齢別人口市区町村(日本人)'!R23</f>
        <v>7055</v>
      </c>
      <c r="AU11" s="19">
        <f>'[1]年齢別人口市区町村(外国人)'!R23</f>
        <v>154</v>
      </c>
      <c r="AV11" s="19">
        <f>'[1]年齢別人口市区町村(総数)'!R23</f>
        <v>7209</v>
      </c>
      <c r="AW11" s="19">
        <f>'[1]年齢別人口市区町村(日本人)'!S23</f>
        <v>6825</v>
      </c>
      <c r="AX11" s="19">
        <f>'[1]年齢別人口市区町村(外国人)'!S23</f>
        <v>90</v>
      </c>
      <c r="AY11" s="19">
        <f>'[1]年齢別人口市区町村(総数)'!S23</f>
        <v>6915</v>
      </c>
      <c r="AZ11" s="19">
        <f>'[1]年齢別人口市区町村(日本人)'!T23</f>
        <v>7054</v>
      </c>
      <c r="BA11" s="19">
        <f>'[1]年齢別人口市区町村(外国人)'!T23</f>
        <v>56</v>
      </c>
      <c r="BB11" s="19">
        <f>'[1]年齢別人口市区町村(総数)'!T23</f>
        <v>7110</v>
      </c>
      <c r="BC11" s="19">
        <f>'[1]年齢別人口市区町村(日本人)'!U23</f>
        <v>4324</v>
      </c>
      <c r="BD11" s="19">
        <f>'[1]年齢別人口市区町村(外国人)'!U23</f>
        <v>37</v>
      </c>
      <c r="BE11" s="19">
        <f>'[1]年齢別人口市区町村(総数)'!U23</f>
        <v>4361</v>
      </c>
      <c r="BF11" s="19">
        <f>'[1]年齢別人口市区町村(日本人)'!V23</f>
        <v>2355</v>
      </c>
      <c r="BG11" s="19">
        <f>'[1]年齢別人口市区町村(外国人)'!V23</f>
        <v>12</v>
      </c>
      <c r="BH11" s="19">
        <f>'[1]年齢別人口市区町村(総数)'!V23</f>
        <v>2367</v>
      </c>
      <c r="BI11" s="19">
        <f>'[1]年齢別人口市区町村(日本人)'!W23</f>
        <v>911</v>
      </c>
      <c r="BJ11" s="19">
        <f>'[1]年齢別人口市区町村(外国人)'!W23</f>
        <v>7</v>
      </c>
      <c r="BK11" s="19">
        <f>'[1]年齢別人口市区町村(総数)'!W23</f>
        <v>918</v>
      </c>
      <c r="BL11" s="19">
        <f>'[1]年齢別人口市区町村(日本人)'!X23</f>
        <v>203</v>
      </c>
      <c r="BM11" s="19">
        <f>'[1]年齢別人口市区町村(外国人)'!X23</f>
        <v>1</v>
      </c>
      <c r="BN11" s="19">
        <f>'[1]年齢別人口市区町村(総数)'!X23</f>
        <v>204</v>
      </c>
      <c r="BO11" s="19">
        <f>'[1]年齢別人口市区町村(日本人)'!Y23</f>
        <v>29</v>
      </c>
      <c r="BP11" s="19">
        <f>'[1]年齢別人口市区町村(外国人)'!Y23</f>
        <v>0</v>
      </c>
      <c r="BQ11" s="60">
        <f>'[1]年齢別人口市区町村(総数)'!Y23</f>
        <v>29</v>
      </c>
    </row>
    <row r="12" spans="1:69" x14ac:dyDescent="0.15">
      <c r="A12" s="31" t="s">
        <v>34</v>
      </c>
      <c r="B12" s="21" t="s">
        <v>31</v>
      </c>
      <c r="C12" s="46"/>
      <c r="D12" s="22">
        <f>'[1]年齢別人口市区町村(日本人)'!D24</f>
        <v>134940</v>
      </c>
      <c r="E12" s="23">
        <f>'[1]年齢別人口市区町村(外国人)'!D24</f>
        <v>8810</v>
      </c>
      <c r="F12" s="24">
        <f>'[1]年齢別人口市区町村(総数)'!D24</f>
        <v>143750</v>
      </c>
      <c r="G12" s="23">
        <f>'[1]年齢別人口市区町村(日本人)'!E24</f>
        <v>4111</v>
      </c>
      <c r="H12" s="23">
        <f>'[1]年齢別人口市区町村(外国人)'!E24</f>
        <v>353</v>
      </c>
      <c r="I12" s="24">
        <f>'[1]年齢別人口市区町村(総数)'!E24</f>
        <v>4464</v>
      </c>
      <c r="J12" s="23">
        <f>'[1]年齢別人口市区町村(日本人)'!F24</f>
        <v>5049</v>
      </c>
      <c r="K12" s="23">
        <f>'[1]年齢別人口市区町村(外国人)'!F24</f>
        <v>304</v>
      </c>
      <c r="L12" s="24">
        <f>'[1]年齢別人口市区町村(総数)'!F24</f>
        <v>5353</v>
      </c>
      <c r="M12" s="23">
        <f>'[1]年齢別人口市区町村(日本人)'!G24</f>
        <v>5969</v>
      </c>
      <c r="N12" s="23">
        <f>'[1]年齢別人口市区町村(外国人)'!G24</f>
        <v>297</v>
      </c>
      <c r="O12" s="24">
        <f>'[1]年齢別人口市区町村(総数)'!G24</f>
        <v>6266</v>
      </c>
      <c r="P12" s="23">
        <f>'[1]年齢別人口市区町村(日本人)'!H24</f>
        <v>5852</v>
      </c>
      <c r="Q12" s="23">
        <f>'[1]年齢別人口市区町村(外国人)'!H24</f>
        <v>303</v>
      </c>
      <c r="R12" s="24">
        <f>'[1]年齢別人口市区町村(総数)'!H24</f>
        <v>6155</v>
      </c>
      <c r="S12" s="23">
        <f>'[1]年齢別人口市区町村(日本人)'!I24</f>
        <v>7401</v>
      </c>
      <c r="T12" s="23">
        <f>'[1]年齢別人口市区町村(外国人)'!I24</f>
        <v>749</v>
      </c>
      <c r="U12" s="24">
        <f>'[1]年齢別人口市区町村(総数)'!I24</f>
        <v>8150</v>
      </c>
      <c r="V12" s="23">
        <f>'[1]年齢別人口市区町村(日本人)'!J24</f>
        <v>8933</v>
      </c>
      <c r="W12" s="23">
        <f>'[1]年齢別人口市区町村(外国人)'!J24</f>
        <v>1184</v>
      </c>
      <c r="X12" s="24">
        <f>'[1]年齢別人口市区町村(総数)'!J24</f>
        <v>10117</v>
      </c>
      <c r="Y12" s="23">
        <f>'[1]年齢別人口市区町村(日本人)'!K24</f>
        <v>7841</v>
      </c>
      <c r="Z12" s="23">
        <f>'[1]年齢別人口市区町村(外国人)'!K24</f>
        <v>1165</v>
      </c>
      <c r="AA12" s="24">
        <f>'[1]年齢別人口市区町村(総数)'!K24</f>
        <v>9006</v>
      </c>
      <c r="AB12" s="23">
        <f>'[1]年齢別人口市区町村(日本人)'!L24</f>
        <v>7778</v>
      </c>
      <c r="AC12" s="23">
        <f>'[1]年齢別人口市区町村(外国人)'!L24</f>
        <v>1019</v>
      </c>
      <c r="AD12" s="24">
        <f>'[1]年齢別人口市区町村(総数)'!L24</f>
        <v>8797</v>
      </c>
      <c r="AE12" s="23">
        <f>'[1]年齢別人口市区町村(日本人)'!M24</f>
        <v>9024</v>
      </c>
      <c r="AF12" s="23">
        <f>'[1]年齢別人口市区町村(外国人)'!M24</f>
        <v>826</v>
      </c>
      <c r="AG12" s="24">
        <f>'[1]年齢別人口市区町村(総数)'!M24</f>
        <v>9850</v>
      </c>
      <c r="AH12" s="23">
        <f>'[1]年齢別人口市区町村(日本人)'!N24</f>
        <v>9618</v>
      </c>
      <c r="AI12" s="23">
        <f>'[1]年齢別人口市区町村(外国人)'!N24</f>
        <v>611</v>
      </c>
      <c r="AJ12" s="24">
        <f>'[1]年齢別人口市区町村(総数)'!N24</f>
        <v>10229</v>
      </c>
      <c r="AK12" s="23">
        <f>'[1]年齢別人口市区町村(日本人)'!O24</f>
        <v>11391</v>
      </c>
      <c r="AL12" s="23">
        <f>'[1]年齢別人口市区町村(外国人)'!O24</f>
        <v>559</v>
      </c>
      <c r="AM12" s="24">
        <f>'[1]年齢別人口市区町村(総数)'!O24</f>
        <v>11950</v>
      </c>
      <c r="AN12" s="23">
        <f>'[1]年齢別人口市区町村(日本人)'!P24</f>
        <v>9696</v>
      </c>
      <c r="AO12" s="23">
        <f>'[1]年齢別人口市区町村(外国人)'!P24</f>
        <v>524</v>
      </c>
      <c r="AP12" s="24">
        <f>'[1]年齢別人口市区町村(総数)'!P24</f>
        <v>10220</v>
      </c>
      <c r="AQ12" s="23">
        <f>'[1]年齢別人口市区町村(日本人)'!Q24</f>
        <v>7888</v>
      </c>
      <c r="AR12" s="23">
        <f>'[1]年齢別人口市区町村(外国人)'!Q24</f>
        <v>370</v>
      </c>
      <c r="AS12" s="24">
        <f>'[1]年齢別人口市区町村(総数)'!Q24</f>
        <v>8258</v>
      </c>
      <c r="AT12" s="23">
        <f>'[1]年齢別人口市区町村(日本人)'!R24</f>
        <v>6656</v>
      </c>
      <c r="AU12" s="23">
        <f>'[1]年齢別人口市区町村(外国人)'!R24</f>
        <v>233</v>
      </c>
      <c r="AV12" s="24">
        <f>'[1]年齢別人口市区町村(総数)'!R24</f>
        <v>6889</v>
      </c>
      <c r="AW12" s="23">
        <f>'[1]年齢別人口市区町村(日本人)'!S24</f>
        <v>6792</v>
      </c>
      <c r="AX12" s="23">
        <f>'[1]年齢別人口市区町村(外国人)'!S24</f>
        <v>136</v>
      </c>
      <c r="AY12" s="24">
        <f>'[1]年齢別人口市区町村(総数)'!S24</f>
        <v>6928</v>
      </c>
      <c r="AZ12" s="23">
        <f>'[1]年齢別人口市区町村(日本人)'!T24</f>
        <v>7900</v>
      </c>
      <c r="BA12" s="23">
        <f>'[1]年齢別人口市区町村(外国人)'!T24</f>
        <v>86</v>
      </c>
      <c r="BB12" s="24">
        <f>'[1]年齢別人口市区町村(総数)'!T24</f>
        <v>7986</v>
      </c>
      <c r="BC12" s="23">
        <f>'[1]年齢別人口市区町村(日本人)'!U24</f>
        <v>5828</v>
      </c>
      <c r="BD12" s="23">
        <f>'[1]年齢別人口市区町村(外国人)'!U24</f>
        <v>55</v>
      </c>
      <c r="BE12" s="24">
        <f>'[1]年齢別人口市区町村(総数)'!U24</f>
        <v>5883</v>
      </c>
      <c r="BF12" s="23">
        <f>'[1]年齢別人口市区町村(日本人)'!V24</f>
        <v>4032</v>
      </c>
      <c r="BG12" s="23">
        <f>'[1]年齢別人口市区町村(外国人)'!V24</f>
        <v>20</v>
      </c>
      <c r="BH12" s="24">
        <f>'[1]年齢別人口市区町村(総数)'!V24</f>
        <v>4052</v>
      </c>
      <c r="BI12" s="23">
        <f>'[1]年齢別人口市区町村(日本人)'!W24</f>
        <v>2360</v>
      </c>
      <c r="BJ12" s="23">
        <f>'[1]年齢別人口市区町村(外国人)'!W24</f>
        <v>10</v>
      </c>
      <c r="BK12" s="24">
        <f>'[1]年齢別人口市区町村(総数)'!W24</f>
        <v>2370</v>
      </c>
      <c r="BL12" s="23">
        <f>'[1]年齢別人口市区町村(日本人)'!X24</f>
        <v>706</v>
      </c>
      <c r="BM12" s="23">
        <f>'[1]年齢別人口市区町村(外国人)'!X24</f>
        <v>4</v>
      </c>
      <c r="BN12" s="24">
        <f>'[1]年齢別人口市区町村(総数)'!X24</f>
        <v>710</v>
      </c>
      <c r="BO12" s="23">
        <f>'[1]年齢別人口市区町村(日本人)'!Y24</f>
        <v>115</v>
      </c>
      <c r="BP12" s="23">
        <f>'[1]年齢別人口市区町村(外国人)'!Y24</f>
        <v>2</v>
      </c>
      <c r="BQ12" s="61">
        <f>'[1]年齢別人口市区町村(総数)'!Y24</f>
        <v>117</v>
      </c>
    </row>
    <row r="13" spans="1:69" ht="15" thickBot="1" x14ac:dyDescent="0.2">
      <c r="A13" s="32"/>
      <c r="B13" s="25" t="s">
        <v>32</v>
      </c>
      <c r="C13" s="47"/>
      <c r="D13" s="26">
        <f>'[1]年齢別人口市区町村(日本人)'!D22</f>
        <v>278904</v>
      </c>
      <c r="E13" s="27">
        <f>'[1]年齢別人口市区町村(外国人)'!D22</f>
        <v>18370</v>
      </c>
      <c r="F13" s="28">
        <f>'[1]年齢別人口市区町村(総数)'!D22</f>
        <v>297274</v>
      </c>
      <c r="G13" s="27">
        <f>'[1]年齢別人口市区町村(日本人)'!E22</f>
        <v>8381</v>
      </c>
      <c r="H13" s="27">
        <f>'[1]年齢別人口市区町村(外国人)'!E22</f>
        <v>705</v>
      </c>
      <c r="I13" s="28">
        <f>'[1]年齢別人口市区町村(総数)'!E22</f>
        <v>9086</v>
      </c>
      <c r="J13" s="27">
        <f>'[1]年齢別人口市区町村(日本人)'!F22</f>
        <v>10395</v>
      </c>
      <c r="K13" s="27">
        <f>'[1]年齢別人口市区町村(外国人)'!F22</f>
        <v>695</v>
      </c>
      <c r="L13" s="28">
        <f>'[1]年齢別人口市区町村(総数)'!F22</f>
        <v>11090</v>
      </c>
      <c r="M13" s="27">
        <f>'[1]年齢別人口市区町村(日本人)'!G22</f>
        <v>12204</v>
      </c>
      <c r="N13" s="27">
        <f>'[1]年齢別人口市区町村(外国人)'!G22</f>
        <v>629</v>
      </c>
      <c r="O13" s="28">
        <f>'[1]年齢別人口市区町村(総数)'!G22</f>
        <v>12833</v>
      </c>
      <c r="P13" s="27">
        <f>'[1]年齢別人口市区町村(日本人)'!H22</f>
        <v>12141</v>
      </c>
      <c r="Q13" s="27">
        <f>'[1]年齢別人口市区町村(外国人)'!H22</f>
        <v>635</v>
      </c>
      <c r="R13" s="28">
        <f>'[1]年齢別人口市区町村(総数)'!H22</f>
        <v>12776</v>
      </c>
      <c r="S13" s="27">
        <f>'[1]年齢別人口市区町村(日本人)'!I22</f>
        <v>15250</v>
      </c>
      <c r="T13" s="27">
        <f>'[1]年齢別人口市区町村(外国人)'!I22</f>
        <v>1847</v>
      </c>
      <c r="U13" s="28">
        <f>'[1]年齢別人口市区町村(総数)'!I22</f>
        <v>17097</v>
      </c>
      <c r="V13" s="27">
        <f>'[1]年齢別人口市区町村(日本人)'!J22</f>
        <v>19602</v>
      </c>
      <c r="W13" s="27">
        <f>'[1]年齢別人口市区町村(外国人)'!J22</f>
        <v>2776</v>
      </c>
      <c r="X13" s="28">
        <f>'[1]年齢別人口市区町村(総数)'!J22</f>
        <v>22378</v>
      </c>
      <c r="Y13" s="27">
        <f>'[1]年齢別人口市区町村(日本人)'!K22</f>
        <v>17320</v>
      </c>
      <c r="Z13" s="27">
        <f>'[1]年齢別人口市区町村(外国人)'!K22</f>
        <v>2638</v>
      </c>
      <c r="AA13" s="28">
        <f>'[1]年齢別人口市区町村(総数)'!K22</f>
        <v>19958</v>
      </c>
      <c r="AB13" s="27">
        <f>'[1]年齢別人口市区町村(日本人)'!L22</f>
        <v>16772</v>
      </c>
      <c r="AC13" s="27">
        <f>'[1]年齢別人口市区町村(外国人)'!L22</f>
        <v>2226</v>
      </c>
      <c r="AD13" s="28">
        <f>'[1]年齢別人口市区町村(総数)'!L22</f>
        <v>18998</v>
      </c>
      <c r="AE13" s="27">
        <f>'[1]年齢別人口市区町村(日本人)'!M22</f>
        <v>19290</v>
      </c>
      <c r="AF13" s="27">
        <f>'[1]年齢別人口市区町村(外国人)'!M22</f>
        <v>1644</v>
      </c>
      <c r="AG13" s="28">
        <f>'[1]年齢別人口市区町村(総数)'!M22</f>
        <v>20934</v>
      </c>
      <c r="AH13" s="27">
        <f>'[1]年齢別人口市区町村(日本人)'!N22</f>
        <v>20935</v>
      </c>
      <c r="AI13" s="27">
        <f>'[1]年齢別人口市区町村(外国人)'!N22</f>
        <v>1166</v>
      </c>
      <c r="AJ13" s="28">
        <f>'[1]年齢別人口市区町村(総数)'!N22</f>
        <v>22101</v>
      </c>
      <c r="AK13" s="27">
        <f>'[1]年齢別人口市区町村(日本人)'!O22</f>
        <v>24852</v>
      </c>
      <c r="AL13" s="27">
        <f>'[1]年齢別人口市区町村(外国人)'!O22</f>
        <v>996</v>
      </c>
      <c r="AM13" s="28">
        <f>'[1]年齢別人口市区町村(総数)'!O22</f>
        <v>25848</v>
      </c>
      <c r="AN13" s="27">
        <f>'[1]年齢別人口市区町村(日本人)'!P22</f>
        <v>21307</v>
      </c>
      <c r="AO13" s="27">
        <f>'[1]年齢別人口市区町村(外国人)'!P22</f>
        <v>869</v>
      </c>
      <c r="AP13" s="28">
        <f>'[1]年齢別人口市区町村(総数)'!P22</f>
        <v>22176</v>
      </c>
      <c r="AQ13" s="27">
        <f>'[1]年齢別人口市区町村(日本人)'!Q22</f>
        <v>17310</v>
      </c>
      <c r="AR13" s="27">
        <f>'[1]年齢別人口市区町村(外国人)'!Q22</f>
        <v>641</v>
      </c>
      <c r="AS13" s="28">
        <f>'[1]年齢別人口市区町村(総数)'!Q22</f>
        <v>17951</v>
      </c>
      <c r="AT13" s="27">
        <f>'[1]年齢別人口市区町村(日本人)'!R22</f>
        <v>13711</v>
      </c>
      <c r="AU13" s="27">
        <f>'[1]年齢別人口市区町村(外国人)'!R22</f>
        <v>387</v>
      </c>
      <c r="AV13" s="28">
        <f>'[1]年齢別人口市区町村(総数)'!R22</f>
        <v>14098</v>
      </c>
      <c r="AW13" s="27">
        <f>'[1]年齢別人口市区町村(日本人)'!S22</f>
        <v>13617</v>
      </c>
      <c r="AX13" s="27">
        <f>'[1]年齢別人口市区町村(外国人)'!S22</f>
        <v>226</v>
      </c>
      <c r="AY13" s="28">
        <f>'[1]年齢別人口市区町村(総数)'!S22</f>
        <v>13843</v>
      </c>
      <c r="AZ13" s="27">
        <f>'[1]年齢別人口市区町村(日本人)'!T22</f>
        <v>14954</v>
      </c>
      <c r="BA13" s="27">
        <f>'[1]年齢別人口市区町村(外国人)'!T22</f>
        <v>142</v>
      </c>
      <c r="BB13" s="28">
        <f>'[1]年齢別人口市区町村(総数)'!T22</f>
        <v>15096</v>
      </c>
      <c r="BC13" s="27">
        <f>'[1]年齢別人口市区町村(日本人)'!U22</f>
        <v>10152</v>
      </c>
      <c r="BD13" s="27">
        <f>'[1]年齢別人口市区町村(外国人)'!U22</f>
        <v>92</v>
      </c>
      <c r="BE13" s="28">
        <f>'[1]年齢別人口市区町村(総数)'!U22</f>
        <v>10244</v>
      </c>
      <c r="BF13" s="27">
        <f>'[1]年齢別人口市区町村(日本人)'!V22</f>
        <v>6387</v>
      </c>
      <c r="BG13" s="27">
        <f>'[1]年齢別人口市区町村(外国人)'!V22</f>
        <v>32</v>
      </c>
      <c r="BH13" s="28">
        <f>'[1]年齢別人口市区町村(総数)'!V22</f>
        <v>6419</v>
      </c>
      <c r="BI13" s="27">
        <f>'[1]年齢別人口市区町村(日本人)'!W22</f>
        <v>3271</v>
      </c>
      <c r="BJ13" s="27">
        <f>'[1]年齢別人口市区町村(外国人)'!W22</f>
        <v>17</v>
      </c>
      <c r="BK13" s="28">
        <f>'[1]年齢別人口市区町村(総数)'!W22</f>
        <v>3288</v>
      </c>
      <c r="BL13" s="27">
        <f>'[1]年齢別人口市区町村(日本人)'!X22</f>
        <v>909</v>
      </c>
      <c r="BM13" s="27">
        <f>'[1]年齢別人口市区町村(外国人)'!X22</f>
        <v>5</v>
      </c>
      <c r="BN13" s="28">
        <f>'[1]年齢別人口市区町村(総数)'!X22</f>
        <v>914</v>
      </c>
      <c r="BO13" s="27">
        <f>'[1]年齢別人口市区町村(日本人)'!Y22</f>
        <v>144</v>
      </c>
      <c r="BP13" s="27">
        <f>'[1]年齢別人口市区町村(外国人)'!Y22</f>
        <v>2</v>
      </c>
      <c r="BQ13" s="62">
        <f>'[1]年齢別人口市区町村(総数)'!Y22</f>
        <v>146</v>
      </c>
    </row>
    <row r="14" spans="1:69" x14ac:dyDescent="0.15">
      <c r="A14" s="31"/>
      <c r="B14" s="17" t="s">
        <v>29</v>
      </c>
      <c r="C14" s="45">
        <v>141020</v>
      </c>
      <c r="D14" s="18">
        <f>'[1]年齢別人口市区町村(日本人)'!D26</f>
        <v>119355</v>
      </c>
      <c r="E14" s="19">
        <f>'[1]年齢別人口市区町村(外国人)'!D26</f>
        <v>5414</v>
      </c>
      <c r="F14" s="19">
        <f>'[1]年齢別人口市区町村(総数)'!D26</f>
        <v>124769</v>
      </c>
      <c r="G14" s="19">
        <f>'[1]年齢別人口市区町村(日本人)'!E26</f>
        <v>3676</v>
      </c>
      <c r="H14" s="19">
        <f>'[1]年齢別人口市区町村(外国人)'!E26</f>
        <v>166</v>
      </c>
      <c r="I14" s="19">
        <f>'[1]年齢別人口市区町村(総数)'!E26</f>
        <v>3842</v>
      </c>
      <c r="J14" s="19">
        <f>'[1]年齢別人口市区町村(日本人)'!F26</f>
        <v>4257</v>
      </c>
      <c r="K14" s="19">
        <f>'[1]年齢別人口市区町村(外国人)'!F26</f>
        <v>147</v>
      </c>
      <c r="L14" s="19">
        <f>'[1]年齢別人口市区町村(総数)'!F26</f>
        <v>4404</v>
      </c>
      <c r="M14" s="19">
        <f>'[1]年齢別人口市区町村(日本人)'!G26</f>
        <v>4574</v>
      </c>
      <c r="N14" s="19">
        <f>'[1]年齢別人口市区町村(外国人)'!G26</f>
        <v>170</v>
      </c>
      <c r="O14" s="19">
        <f>'[1]年齢別人口市区町村(総数)'!G26</f>
        <v>4744</v>
      </c>
      <c r="P14" s="19">
        <f>'[1]年齢別人口市区町村(日本人)'!H26</f>
        <v>4904</v>
      </c>
      <c r="Q14" s="19">
        <f>'[1]年齢別人口市区町村(外国人)'!H26</f>
        <v>151</v>
      </c>
      <c r="R14" s="19">
        <f>'[1]年齢別人口市区町村(総数)'!H26</f>
        <v>5055</v>
      </c>
      <c r="S14" s="19">
        <f>'[1]年齢別人口市区町村(日本人)'!I26</f>
        <v>7404</v>
      </c>
      <c r="T14" s="19">
        <f>'[1]年齢別人口市区町村(外国人)'!I26</f>
        <v>740</v>
      </c>
      <c r="U14" s="19">
        <f>'[1]年齢別人口市区町村(総数)'!I26</f>
        <v>8144</v>
      </c>
      <c r="V14" s="19">
        <f>'[1]年齢別人口市区町村(日本人)'!J26</f>
        <v>9615</v>
      </c>
      <c r="W14" s="19">
        <f>'[1]年齢別人口市区町村(外国人)'!J26</f>
        <v>1055</v>
      </c>
      <c r="X14" s="19">
        <f>'[1]年齢別人口市区町村(総数)'!J26</f>
        <v>10670</v>
      </c>
      <c r="Y14" s="19">
        <f>'[1]年齢別人口市区町村(日本人)'!K26</f>
        <v>8361</v>
      </c>
      <c r="Z14" s="19">
        <f>'[1]年齢別人口市区町村(外国人)'!K26</f>
        <v>870</v>
      </c>
      <c r="AA14" s="19">
        <f>'[1]年齢別人口市区町村(総数)'!K26</f>
        <v>9231</v>
      </c>
      <c r="AB14" s="19">
        <f>'[1]年齢別人口市区町村(日本人)'!L26</f>
        <v>7710</v>
      </c>
      <c r="AC14" s="19">
        <f>'[1]年齢別人口市区町村(外国人)'!L26</f>
        <v>698</v>
      </c>
      <c r="AD14" s="19">
        <f>'[1]年齢別人口市区町村(総数)'!L26</f>
        <v>8408</v>
      </c>
      <c r="AE14" s="19">
        <f>'[1]年齢別人口市区町村(日本人)'!M26</f>
        <v>8448</v>
      </c>
      <c r="AF14" s="19">
        <f>'[1]年齢別人口市区町村(外国人)'!M26</f>
        <v>430</v>
      </c>
      <c r="AG14" s="19">
        <f>'[1]年齢別人口市区町村(総数)'!M26</f>
        <v>8878</v>
      </c>
      <c r="AH14" s="19">
        <f>'[1]年齢別人口市区町村(日本人)'!N26</f>
        <v>8990</v>
      </c>
      <c r="AI14" s="19">
        <f>'[1]年齢別人口市区町村(外国人)'!N26</f>
        <v>315</v>
      </c>
      <c r="AJ14" s="19">
        <f>'[1]年齢別人口市区町村(総数)'!N26</f>
        <v>9305</v>
      </c>
      <c r="AK14" s="19">
        <f>'[1]年齢別人口市区町村(日本人)'!O26</f>
        <v>10238</v>
      </c>
      <c r="AL14" s="19">
        <f>'[1]年齢別人口市区町村(外国人)'!O26</f>
        <v>196</v>
      </c>
      <c r="AM14" s="19">
        <f>'[1]年齢別人口市区町村(総数)'!O26</f>
        <v>10434</v>
      </c>
      <c r="AN14" s="19">
        <f>'[1]年齢別人口市区町村(日本人)'!P26</f>
        <v>9677</v>
      </c>
      <c r="AO14" s="19">
        <f>'[1]年齢別人口市区町村(外国人)'!P26</f>
        <v>166</v>
      </c>
      <c r="AP14" s="19">
        <f>'[1]年齢別人口市区町村(総数)'!P26</f>
        <v>9843</v>
      </c>
      <c r="AQ14" s="19">
        <f>'[1]年齢別人口市区町村(日本人)'!Q26</f>
        <v>7839</v>
      </c>
      <c r="AR14" s="19">
        <f>'[1]年齢別人口市区町村(外国人)'!Q26</f>
        <v>124</v>
      </c>
      <c r="AS14" s="19">
        <f>'[1]年齢別人口市区町村(総数)'!Q26</f>
        <v>7963</v>
      </c>
      <c r="AT14" s="19">
        <f>'[1]年齢別人口市区町村(日本人)'!R26</f>
        <v>5828</v>
      </c>
      <c r="AU14" s="19">
        <f>'[1]年齢別人口市区町村(外国人)'!R26</f>
        <v>65</v>
      </c>
      <c r="AV14" s="19">
        <f>'[1]年齢別人口市区町村(総数)'!R26</f>
        <v>5893</v>
      </c>
      <c r="AW14" s="19">
        <f>'[1]年齢別人口市区町村(日本人)'!S26</f>
        <v>5400</v>
      </c>
      <c r="AX14" s="19">
        <f>'[1]年齢別人口市区町村(外国人)'!S26</f>
        <v>55</v>
      </c>
      <c r="AY14" s="19">
        <f>'[1]年齢別人口市区町村(総数)'!S26</f>
        <v>5455</v>
      </c>
      <c r="AZ14" s="19">
        <f>'[1]年齢別人口市区町村(日本人)'!T26</f>
        <v>5782</v>
      </c>
      <c r="BA14" s="19">
        <f>'[1]年齢別人口市区町村(外国人)'!T26</f>
        <v>32</v>
      </c>
      <c r="BB14" s="19">
        <f>'[1]年齢別人口市区町村(総数)'!T26</f>
        <v>5814</v>
      </c>
      <c r="BC14" s="19">
        <f>'[1]年齢別人口市区町村(日本人)'!U26</f>
        <v>3549</v>
      </c>
      <c r="BD14" s="19">
        <f>'[1]年齢別人口市区町村(外国人)'!U26</f>
        <v>25</v>
      </c>
      <c r="BE14" s="19">
        <f>'[1]年齢別人口市区町村(総数)'!U26</f>
        <v>3574</v>
      </c>
      <c r="BF14" s="19">
        <f>'[1]年齢別人口市区町村(日本人)'!V26</f>
        <v>2082</v>
      </c>
      <c r="BG14" s="19">
        <f>'[1]年齢別人口市区町村(外国人)'!V26</f>
        <v>6</v>
      </c>
      <c r="BH14" s="19">
        <f>'[1]年齢別人口市区町村(総数)'!V26</f>
        <v>2088</v>
      </c>
      <c r="BI14" s="19">
        <f>'[1]年齢別人口市区町村(日本人)'!W26</f>
        <v>807</v>
      </c>
      <c r="BJ14" s="19">
        <f>'[1]年齢別人口市区町村(外国人)'!W26</f>
        <v>3</v>
      </c>
      <c r="BK14" s="19">
        <f>'[1]年齢別人口市区町村(総数)'!W26</f>
        <v>810</v>
      </c>
      <c r="BL14" s="19">
        <f>'[1]年齢別人口市区町村(日本人)'!X26</f>
        <v>192</v>
      </c>
      <c r="BM14" s="19">
        <f>'[1]年齢別人口市区町村(外国人)'!X26</f>
        <v>0</v>
      </c>
      <c r="BN14" s="19">
        <f>'[1]年齢別人口市区町村(総数)'!X26</f>
        <v>192</v>
      </c>
      <c r="BO14" s="19">
        <f>'[1]年齢別人口市区町村(日本人)'!Y26</f>
        <v>22</v>
      </c>
      <c r="BP14" s="19">
        <f>'[1]年齢別人口市区町村(外国人)'!Y26</f>
        <v>0</v>
      </c>
      <c r="BQ14" s="60">
        <f>'[1]年齢別人口市区町村(総数)'!Y26</f>
        <v>22</v>
      </c>
    </row>
    <row r="15" spans="1:69" x14ac:dyDescent="0.15">
      <c r="A15" s="31" t="s">
        <v>35</v>
      </c>
      <c r="B15" s="21" t="s">
        <v>31</v>
      </c>
      <c r="C15" s="46"/>
      <c r="D15" s="22">
        <f>'[1]年齢別人口市区町村(日本人)'!D27</f>
        <v>117773</v>
      </c>
      <c r="E15" s="23">
        <f>'[1]年齢別人口市区町村(外国人)'!D27</f>
        <v>5414</v>
      </c>
      <c r="F15" s="24">
        <f>'[1]年齢別人口市区町村(総数)'!D27</f>
        <v>123187</v>
      </c>
      <c r="G15" s="23">
        <f>'[1]年齢別人口市区町村(日本人)'!E27</f>
        <v>3490</v>
      </c>
      <c r="H15" s="23">
        <f>'[1]年齢別人口市区町村(外国人)'!E27</f>
        <v>188</v>
      </c>
      <c r="I15" s="24">
        <f>'[1]年齢別人口市区町村(総数)'!E27</f>
        <v>3678</v>
      </c>
      <c r="J15" s="23">
        <f>'[1]年齢別人口市区町村(日本人)'!F27</f>
        <v>4173</v>
      </c>
      <c r="K15" s="23">
        <f>'[1]年齢別人口市区町村(外国人)'!F27</f>
        <v>148</v>
      </c>
      <c r="L15" s="24">
        <f>'[1]年齢別人口市区町村(総数)'!F27</f>
        <v>4321</v>
      </c>
      <c r="M15" s="23">
        <f>'[1]年齢別人口市区町村(日本人)'!G27</f>
        <v>4476</v>
      </c>
      <c r="N15" s="23">
        <f>'[1]年齢別人口市区町村(外国人)'!G27</f>
        <v>158</v>
      </c>
      <c r="O15" s="24">
        <f>'[1]年齢別人口市区町村(総数)'!G27</f>
        <v>4634</v>
      </c>
      <c r="P15" s="23">
        <f>'[1]年齢別人口市区町村(日本人)'!H27</f>
        <v>4572</v>
      </c>
      <c r="Q15" s="23">
        <f>'[1]年齢別人口市区町村(外国人)'!H27</f>
        <v>161</v>
      </c>
      <c r="R15" s="24">
        <f>'[1]年齢別人口市区町村(総数)'!H27</f>
        <v>4733</v>
      </c>
      <c r="S15" s="23">
        <f>'[1]年齢別人口市区町村(日本人)'!I27</f>
        <v>6559</v>
      </c>
      <c r="T15" s="23">
        <f>'[1]年齢別人口市区町村(外国人)'!I27</f>
        <v>674</v>
      </c>
      <c r="U15" s="24">
        <f>'[1]年齢別人口市区町村(総数)'!I27</f>
        <v>7233</v>
      </c>
      <c r="V15" s="23">
        <f>'[1]年齢別人口市区町村(日本人)'!J27</f>
        <v>8715</v>
      </c>
      <c r="W15" s="23">
        <f>'[1]年齢別人口市区町村(外国人)'!J27</f>
        <v>1008</v>
      </c>
      <c r="X15" s="24">
        <f>'[1]年齢別人口市区町村(総数)'!J27</f>
        <v>9723</v>
      </c>
      <c r="Y15" s="23">
        <f>'[1]年齢別人口市区町村(日本人)'!K27</f>
        <v>7443</v>
      </c>
      <c r="Z15" s="23">
        <f>'[1]年齢別人口市区町村(外国人)'!K27</f>
        <v>772</v>
      </c>
      <c r="AA15" s="24">
        <f>'[1]年齢別人口市区町村(総数)'!K27</f>
        <v>8215</v>
      </c>
      <c r="AB15" s="23">
        <f>'[1]年齢別人口市区町村(日本人)'!L27</f>
        <v>7148</v>
      </c>
      <c r="AC15" s="23">
        <f>'[1]年齢別人口市区町村(外国人)'!L27</f>
        <v>602</v>
      </c>
      <c r="AD15" s="24">
        <f>'[1]年齢別人口市区町村(総数)'!L27</f>
        <v>7750</v>
      </c>
      <c r="AE15" s="23">
        <f>'[1]年齢別人口市区町村(日本人)'!M27</f>
        <v>7658</v>
      </c>
      <c r="AF15" s="23">
        <f>'[1]年齢別人口市区町村(外国人)'!M27</f>
        <v>424</v>
      </c>
      <c r="AG15" s="24">
        <f>'[1]年齢別人口市区町村(総数)'!M27</f>
        <v>8082</v>
      </c>
      <c r="AH15" s="23">
        <f>'[1]年齢別人口市区町村(日本人)'!N27</f>
        <v>8449</v>
      </c>
      <c r="AI15" s="23">
        <f>'[1]年齢別人口市区町村(外国人)'!N27</f>
        <v>304</v>
      </c>
      <c r="AJ15" s="24">
        <f>'[1]年齢別人口市区町村(総数)'!N27</f>
        <v>8753</v>
      </c>
      <c r="AK15" s="23">
        <f>'[1]年齢別人口市区町村(日本人)'!O27</f>
        <v>9833</v>
      </c>
      <c r="AL15" s="23">
        <f>'[1]年齢別人口市区町村(外国人)'!O27</f>
        <v>242</v>
      </c>
      <c r="AM15" s="24">
        <f>'[1]年齢別人口市区町村(総数)'!O27</f>
        <v>10075</v>
      </c>
      <c r="AN15" s="23">
        <f>'[1]年齢別人口市区町村(日本人)'!P27</f>
        <v>8591</v>
      </c>
      <c r="AO15" s="23">
        <f>'[1]年齢別人口市区町村(外国人)'!P27</f>
        <v>224</v>
      </c>
      <c r="AP15" s="24">
        <f>'[1]年齢別人口市区町村(総数)'!P27</f>
        <v>8815</v>
      </c>
      <c r="AQ15" s="23">
        <f>'[1]年齢別人口市区町村(日本人)'!Q27</f>
        <v>6864</v>
      </c>
      <c r="AR15" s="23">
        <f>'[1]年齢別人口市区町村(外国人)'!Q27</f>
        <v>200</v>
      </c>
      <c r="AS15" s="24">
        <f>'[1]年齢別人口市区町村(総数)'!Q27</f>
        <v>7064</v>
      </c>
      <c r="AT15" s="23">
        <f>'[1]年齢別人口市区町村(日本人)'!R27</f>
        <v>5631</v>
      </c>
      <c r="AU15" s="23">
        <f>'[1]年齢別人口市区町村(外国人)'!R27</f>
        <v>115</v>
      </c>
      <c r="AV15" s="24">
        <f>'[1]年齢別人口市区町村(総数)'!R27</f>
        <v>5746</v>
      </c>
      <c r="AW15" s="23">
        <f>'[1]年齢別人口市区町村(日本人)'!S27</f>
        <v>5585</v>
      </c>
      <c r="AX15" s="23">
        <f>'[1]年齢別人口市区町村(外国人)'!S27</f>
        <v>64</v>
      </c>
      <c r="AY15" s="24">
        <f>'[1]年齢別人口市区町村(総数)'!S27</f>
        <v>5649</v>
      </c>
      <c r="AZ15" s="23">
        <f>'[1]年齢別人口市区町村(日本人)'!T27</f>
        <v>6731</v>
      </c>
      <c r="BA15" s="23">
        <f>'[1]年齢別人口市区町村(外国人)'!T27</f>
        <v>54</v>
      </c>
      <c r="BB15" s="24">
        <f>'[1]年齢別人口市区町村(総数)'!T27</f>
        <v>6785</v>
      </c>
      <c r="BC15" s="23">
        <f>'[1]年齢別人口市区町村(日本人)'!U27</f>
        <v>5027</v>
      </c>
      <c r="BD15" s="23">
        <f>'[1]年齢別人口市区町村(外国人)'!U27</f>
        <v>36</v>
      </c>
      <c r="BE15" s="24">
        <f>'[1]年齢別人口市区町村(総数)'!U27</f>
        <v>5063</v>
      </c>
      <c r="BF15" s="23">
        <f>'[1]年齢別人口市区町村(日本人)'!V27</f>
        <v>3699</v>
      </c>
      <c r="BG15" s="23">
        <f>'[1]年齢別人口市区町村(外国人)'!V27</f>
        <v>21</v>
      </c>
      <c r="BH15" s="24">
        <f>'[1]年齢別人口市区町村(総数)'!V27</f>
        <v>3720</v>
      </c>
      <c r="BI15" s="23">
        <f>'[1]年齢別人口市区町村(日本人)'!W27</f>
        <v>2297</v>
      </c>
      <c r="BJ15" s="23">
        <f>'[1]年齢別人口市区町村(外国人)'!W27</f>
        <v>12</v>
      </c>
      <c r="BK15" s="24">
        <f>'[1]年齢別人口市区町村(総数)'!W27</f>
        <v>2309</v>
      </c>
      <c r="BL15" s="23">
        <f>'[1]年齢別人口市区町村(日本人)'!X27</f>
        <v>709</v>
      </c>
      <c r="BM15" s="23">
        <f>'[1]年齢別人口市区町村(外国人)'!X27</f>
        <v>6</v>
      </c>
      <c r="BN15" s="24">
        <f>'[1]年齢別人口市区町村(総数)'!X27</f>
        <v>715</v>
      </c>
      <c r="BO15" s="23">
        <f>'[1]年齢別人口市区町村(日本人)'!Y27</f>
        <v>123</v>
      </c>
      <c r="BP15" s="23">
        <f>'[1]年齢別人口市区町村(外国人)'!Y27</f>
        <v>0</v>
      </c>
      <c r="BQ15" s="61">
        <f>'[1]年齢別人口市区町村(総数)'!Y27</f>
        <v>123</v>
      </c>
    </row>
    <row r="16" spans="1:69" ht="15" thickBot="1" x14ac:dyDescent="0.2">
      <c r="A16" s="32"/>
      <c r="B16" s="25" t="s">
        <v>32</v>
      </c>
      <c r="C16" s="47"/>
      <c r="D16" s="26">
        <f>'[1]年齢別人口市区町村(日本人)'!D25</f>
        <v>237128</v>
      </c>
      <c r="E16" s="27">
        <f>'[1]年齢別人口市区町村(外国人)'!D25</f>
        <v>10828</v>
      </c>
      <c r="F16" s="28">
        <f>'[1]年齢別人口市区町村(総数)'!D25</f>
        <v>247956</v>
      </c>
      <c r="G16" s="27">
        <f>'[1]年齢別人口市区町村(日本人)'!E25</f>
        <v>7166</v>
      </c>
      <c r="H16" s="27">
        <f>'[1]年齢別人口市区町村(外国人)'!E25</f>
        <v>354</v>
      </c>
      <c r="I16" s="28">
        <f>'[1]年齢別人口市区町村(総数)'!E25</f>
        <v>7520</v>
      </c>
      <c r="J16" s="27">
        <f>'[1]年齢別人口市区町村(日本人)'!F25</f>
        <v>8430</v>
      </c>
      <c r="K16" s="27">
        <f>'[1]年齢別人口市区町村(外国人)'!F25</f>
        <v>295</v>
      </c>
      <c r="L16" s="28">
        <f>'[1]年齢別人口市区町村(総数)'!F25</f>
        <v>8725</v>
      </c>
      <c r="M16" s="27">
        <f>'[1]年齢別人口市区町村(日本人)'!G25</f>
        <v>9050</v>
      </c>
      <c r="N16" s="27">
        <f>'[1]年齢別人口市区町村(外国人)'!G25</f>
        <v>328</v>
      </c>
      <c r="O16" s="28">
        <f>'[1]年齢別人口市区町村(総数)'!G25</f>
        <v>9378</v>
      </c>
      <c r="P16" s="27">
        <f>'[1]年齢別人口市区町村(日本人)'!H25</f>
        <v>9476</v>
      </c>
      <c r="Q16" s="27">
        <f>'[1]年齢別人口市区町村(外国人)'!H25</f>
        <v>312</v>
      </c>
      <c r="R16" s="28">
        <f>'[1]年齢別人口市区町村(総数)'!H25</f>
        <v>9788</v>
      </c>
      <c r="S16" s="27">
        <f>'[1]年齢別人口市区町村(日本人)'!I25</f>
        <v>13963</v>
      </c>
      <c r="T16" s="27">
        <f>'[1]年齢別人口市区町村(外国人)'!I25</f>
        <v>1414</v>
      </c>
      <c r="U16" s="28">
        <f>'[1]年齢別人口市区町村(総数)'!I25</f>
        <v>15377</v>
      </c>
      <c r="V16" s="27">
        <f>'[1]年齢別人口市区町村(日本人)'!J25</f>
        <v>18330</v>
      </c>
      <c r="W16" s="27">
        <f>'[1]年齢別人口市区町村(外国人)'!J25</f>
        <v>2063</v>
      </c>
      <c r="X16" s="28">
        <f>'[1]年齢別人口市区町村(総数)'!J25</f>
        <v>20393</v>
      </c>
      <c r="Y16" s="27">
        <f>'[1]年齢別人口市区町村(日本人)'!K25</f>
        <v>15804</v>
      </c>
      <c r="Z16" s="27">
        <f>'[1]年齢別人口市区町村(外国人)'!K25</f>
        <v>1642</v>
      </c>
      <c r="AA16" s="28">
        <f>'[1]年齢別人口市区町村(総数)'!K25</f>
        <v>17446</v>
      </c>
      <c r="AB16" s="27">
        <f>'[1]年齢別人口市区町村(日本人)'!L25</f>
        <v>14858</v>
      </c>
      <c r="AC16" s="27">
        <f>'[1]年齢別人口市区町村(外国人)'!L25</f>
        <v>1300</v>
      </c>
      <c r="AD16" s="28">
        <f>'[1]年齢別人口市区町村(総数)'!L25</f>
        <v>16158</v>
      </c>
      <c r="AE16" s="27">
        <f>'[1]年齢別人口市区町村(日本人)'!M25</f>
        <v>16106</v>
      </c>
      <c r="AF16" s="27">
        <f>'[1]年齢別人口市区町村(外国人)'!M25</f>
        <v>854</v>
      </c>
      <c r="AG16" s="28">
        <f>'[1]年齢別人口市区町村(総数)'!M25</f>
        <v>16960</v>
      </c>
      <c r="AH16" s="27">
        <f>'[1]年齢別人口市区町村(日本人)'!N25</f>
        <v>17439</v>
      </c>
      <c r="AI16" s="27">
        <f>'[1]年齢別人口市区町村(外国人)'!N25</f>
        <v>619</v>
      </c>
      <c r="AJ16" s="28">
        <f>'[1]年齢別人口市区町村(総数)'!N25</f>
        <v>18058</v>
      </c>
      <c r="AK16" s="27">
        <f>'[1]年齢別人口市区町村(日本人)'!O25</f>
        <v>20071</v>
      </c>
      <c r="AL16" s="27">
        <f>'[1]年齢別人口市区町村(外国人)'!O25</f>
        <v>438</v>
      </c>
      <c r="AM16" s="28">
        <f>'[1]年齢別人口市区町村(総数)'!O25</f>
        <v>20509</v>
      </c>
      <c r="AN16" s="27">
        <f>'[1]年齢別人口市区町村(日本人)'!P25</f>
        <v>18268</v>
      </c>
      <c r="AO16" s="27">
        <f>'[1]年齢別人口市区町村(外国人)'!P25</f>
        <v>390</v>
      </c>
      <c r="AP16" s="28">
        <f>'[1]年齢別人口市区町村(総数)'!P25</f>
        <v>18658</v>
      </c>
      <c r="AQ16" s="27">
        <f>'[1]年齢別人口市区町村(日本人)'!Q25</f>
        <v>14703</v>
      </c>
      <c r="AR16" s="27">
        <f>'[1]年齢別人口市区町村(外国人)'!Q25</f>
        <v>324</v>
      </c>
      <c r="AS16" s="28">
        <f>'[1]年齢別人口市区町村(総数)'!Q25</f>
        <v>15027</v>
      </c>
      <c r="AT16" s="27">
        <f>'[1]年齢別人口市区町村(日本人)'!R25</f>
        <v>11459</v>
      </c>
      <c r="AU16" s="27">
        <f>'[1]年齢別人口市区町村(外国人)'!R25</f>
        <v>180</v>
      </c>
      <c r="AV16" s="28">
        <f>'[1]年齢別人口市区町村(総数)'!R25</f>
        <v>11639</v>
      </c>
      <c r="AW16" s="27">
        <f>'[1]年齢別人口市区町村(日本人)'!S25</f>
        <v>10985</v>
      </c>
      <c r="AX16" s="27">
        <f>'[1]年齢別人口市区町村(外国人)'!S25</f>
        <v>119</v>
      </c>
      <c r="AY16" s="28">
        <f>'[1]年齢別人口市区町村(総数)'!S25</f>
        <v>11104</v>
      </c>
      <c r="AZ16" s="27">
        <f>'[1]年齢別人口市区町村(日本人)'!T25</f>
        <v>12513</v>
      </c>
      <c r="BA16" s="27">
        <f>'[1]年齢別人口市区町村(外国人)'!T25</f>
        <v>86</v>
      </c>
      <c r="BB16" s="28">
        <f>'[1]年齢別人口市区町村(総数)'!T25</f>
        <v>12599</v>
      </c>
      <c r="BC16" s="27">
        <f>'[1]年齢別人口市区町村(日本人)'!U25</f>
        <v>8576</v>
      </c>
      <c r="BD16" s="27">
        <f>'[1]年齢別人口市区町村(外国人)'!U25</f>
        <v>61</v>
      </c>
      <c r="BE16" s="28">
        <f>'[1]年齢別人口市区町村(総数)'!U25</f>
        <v>8637</v>
      </c>
      <c r="BF16" s="27">
        <f>'[1]年齢別人口市区町村(日本人)'!V25</f>
        <v>5781</v>
      </c>
      <c r="BG16" s="27">
        <f>'[1]年齢別人口市区町村(外国人)'!V25</f>
        <v>27</v>
      </c>
      <c r="BH16" s="28">
        <f>'[1]年齢別人口市区町村(総数)'!V25</f>
        <v>5808</v>
      </c>
      <c r="BI16" s="27">
        <f>'[1]年齢別人口市区町村(日本人)'!W25</f>
        <v>3104</v>
      </c>
      <c r="BJ16" s="27">
        <f>'[1]年齢別人口市区町村(外国人)'!W25</f>
        <v>15</v>
      </c>
      <c r="BK16" s="28">
        <f>'[1]年齢別人口市区町村(総数)'!W25</f>
        <v>3119</v>
      </c>
      <c r="BL16" s="27">
        <f>'[1]年齢別人口市区町村(日本人)'!X25</f>
        <v>901</v>
      </c>
      <c r="BM16" s="27">
        <f>'[1]年齢別人口市区町村(外国人)'!X25</f>
        <v>6</v>
      </c>
      <c r="BN16" s="28">
        <f>'[1]年齢別人口市区町村(総数)'!X25</f>
        <v>907</v>
      </c>
      <c r="BO16" s="27">
        <f>'[1]年齢別人口市区町村(日本人)'!Y25</f>
        <v>145</v>
      </c>
      <c r="BP16" s="27">
        <f>'[1]年齢別人口市区町村(外国人)'!Y25</f>
        <v>0</v>
      </c>
      <c r="BQ16" s="62">
        <f>'[1]年齢別人口市区町村(総数)'!Y25</f>
        <v>145</v>
      </c>
    </row>
    <row r="17" spans="1:69" x14ac:dyDescent="0.15">
      <c r="A17" s="31"/>
      <c r="B17" s="17" t="s">
        <v>29</v>
      </c>
      <c r="C17" s="45">
        <v>141038</v>
      </c>
      <c r="D17" s="18">
        <f>'[1]年齢別人口市区町村(日本人)'!D29</f>
        <v>50378</v>
      </c>
      <c r="E17" s="19">
        <f>'[1]年齢別人口市区町村(外国人)'!D29</f>
        <v>3372</v>
      </c>
      <c r="F17" s="19">
        <f>'[1]年齢別人口市区町村(総数)'!D29</f>
        <v>53750</v>
      </c>
      <c r="G17" s="19">
        <f>'[1]年齢別人口市区町村(日本人)'!E29</f>
        <v>1592</v>
      </c>
      <c r="H17" s="19">
        <f>'[1]年齢別人口市区町村(外国人)'!E29</f>
        <v>103</v>
      </c>
      <c r="I17" s="19">
        <f>'[1]年齢別人口市区町村(総数)'!E29</f>
        <v>1695</v>
      </c>
      <c r="J17" s="19">
        <f>'[1]年齢別人口市区町村(日本人)'!F29</f>
        <v>1778</v>
      </c>
      <c r="K17" s="19">
        <f>'[1]年齢別人口市区町村(外国人)'!F29</f>
        <v>87</v>
      </c>
      <c r="L17" s="19">
        <f>'[1]年齢別人口市区町村(総数)'!F29</f>
        <v>1865</v>
      </c>
      <c r="M17" s="19">
        <f>'[1]年齢別人口市区町村(日本人)'!G29</f>
        <v>1830</v>
      </c>
      <c r="N17" s="19">
        <f>'[1]年齢別人口市区町村(外国人)'!G29</f>
        <v>97</v>
      </c>
      <c r="O17" s="19">
        <f>'[1]年齢別人口市区町村(総数)'!G29</f>
        <v>1927</v>
      </c>
      <c r="P17" s="19">
        <f>'[1]年齢別人口市区町村(日本人)'!H29</f>
        <v>1768</v>
      </c>
      <c r="Q17" s="19">
        <f>'[1]年齢別人口市区町村(外国人)'!H29</f>
        <v>101</v>
      </c>
      <c r="R17" s="19">
        <f>'[1]年齢別人口市区町村(総数)'!H29</f>
        <v>1869</v>
      </c>
      <c r="S17" s="19">
        <f>'[1]年齢別人口市区町村(日本人)'!I29</f>
        <v>2682</v>
      </c>
      <c r="T17" s="19">
        <f>'[1]年齢別人口市区町村(外国人)'!I29</f>
        <v>487</v>
      </c>
      <c r="U17" s="19">
        <f>'[1]年齢別人口市区町村(総数)'!I29</f>
        <v>3169</v>
      </c>
      <c r="V17" s="19">
        <f>'[1]年齢別人口市区町村(日本人)'!J29</f>
        <v>4143</v>
      </c>
      <c r="W17" s="19">
        <f>'[1]年齢別人口市区町村(外国人)'!J29</f>
        <v>619</v>
      </c>
      <c r="X17" s="19">
        <f>'[1]年齢別人口市区町村(総数)'!J29</f>
        <v>4762</v>
      </c>
      <c r="Y17" s="19">
        <f>'[1]年齢別人口市区町村(日本人)'!K29</f>
        <v>3740</v>
      </c>
      <c r="Z17" s="19">
        <f>'[1]年齢別人口市区町村(外国人)'!K29</f>
        <v>468</v>
      </c>
      <c r="AA17" s="19">
        <f>'[1]年齢別人口市区町村(総数)'!K29</f>
        <v>4208</v>
      </c>
      <c r="AB17" s="19">
        <f>'[1]年齢別人口市区町村(日本人)'!L29</f>
        <v>3666</v>
      </c>
      <c r="AC17" s="19">
        <f>'[1]年齢別人口市区町村(外国人)'!L29</f>
        <v>399</v>
      </c>
      <c r="AD17" s="19">
        <f>'[1]年齢別人口市区町村(総数)'!L29</f>
        <v>4065</v>
      </c>
      <c r="AE17" s="19">
        <f>'[1]年齢別人口市区町村(日本人)'!M29</f>
        <v>3948</v>
      </c>
      <c r="AF17" s="19">
        <f>'[1]年齢別人口市区町村(外国人)'!M29</f>
        <v>334</v>
      </c>
      <c r="AG17" s="19">
        <f>'[1]年齢別人口市区町村(総数)'!M29</f>
        <v>4282</v>
      </c>
      <c r="AH17" s="19">
        <f>'[1]年齢別人口市区町村(日本人)'!N29</f>
        <v>4163</v>
      </c>
      <c r="AI17" s="19">
        <f>'[1]年齢別人口市区町村(外国人)'!N29</f>
        <v>231</v>
      </c>
      <c r="AJ17" s="19">
        <f>'[1]年齢別人口市区町村(総数)'!N29</f>
        <v>4394</v>
      </c>
      <c r="AK17" s="19">
        <f>'[1]年齢別人口市区町村(日本人)'!O29</f>
        <v>4602</v>
      </c>
      <c r="AL17" s="19">
        <f>'[1]年齢別人口市区町村(外国人)'!O29</f>
        <v>150</v>
      </c>
      <c r="AM17" s="19">
        <f>'[1]年齢別人口市区町村(総数)'!O29</f>
        <v>4752</v>
      </c>
      <c r="AN17" s="19">
        <f>'[1]年齢別人口市区町村(日本人)'!P29</f>
        <v>4217</v>
      </c>
      <c r="AO17" s="19">
        <f>'[1]年齢別人口市区町村(外国人)'!P29</f>
        <v>122</v>
      </c>
      <c r="AP17" s="19">
        <f>'[1]年齢別人口市区町村(総数)'!P29</f>
        <v>4339</v>
      </c>
      <c r="AQ17" s="19">
        <f>'[1]年齢別人口市区町村(日本人)'!Q29</f>
        <v>3220</v>
      </c>
      <c r="AR17" s="19">
        <f>'[1]年齢別人口市区町村(外国人)'!Q29</f>
        <v>74</v>
      </c>
      <c r="AS17" s="19">
        <f>'[1]年齢別人口市区町村(総数)'!Q29</f>
        <v>3294</v>
      </c>
      <c r="AT17" s="19">
        <f>'[1]年齢別人口市区町村(日本人)'!R29</f>
        <v>2334</v>
      </c>
      <c r="AU17" s="19">
        <f>'[1]年齢別人口市区町村(外国人)'!R29</f>
        <v>41</v>
      </c>
      <c r="AV17" s="19">
        <f>'[1]年齢別人口市区町村(総数)'!R29</f>
        <v>2375</v>
      </c>
      <c r="AW17" s="19">
        <f>'[1]年齢別人口市区町村(日本人)'!S29</f>
        <v>2091</v>
      </c>
      <c r="AX17" s="19">
        <f>'[1]年齢別人口市区町村(外国人)'!S29</f>
        <v>28</v>
      </c>
      <c r="AY17" s="19">
        <f>'[1]年齢別人口市区町村(総数)'!S29</f>
        <v>2119</v>
      </c>
      <c r="AZ17" s="19">
        <f>'[1]年齢別人口市区町村(日本人)'!T29</f>
        <v>2197</v>
      </c>
      <c r="BA17" s="19">
        <f>'[1]年齢別人口市区町村(外国人)'!T29</f>
        <v>19</v>
      </c>
      <c r="BB17" s="19">
        <f>'[1]年齢別人口市区町村(総数)'!T29</f>
        <v>2216</v>
      </c>
      <c r="BC17" s="19">
        <f>'[1]年齢別人口市区町村(日本人)'!U29</f>
        <v>1230</v>
      </c>
      <c r="BD17" s="19">
        <f>'[1]年齢別人口市区町村(外国人)'!U29</f>
        <v>7</v>
      </c>
      <c r="BE17" s="19">
        <f>'[1]年齢別人口市区町村(総数)'!U29</f>
        <v>1237</v>
      </c>
      <c r="BF17" s="19">
        <f>'[1]年齢別人口市区町村(日本人)'!V29</f>
        <v>727</v>
      </c>
      <c r="BG17" s="19">
        <f>'[1]年齢別人口市区町村(外国人)'!V29</f>
        <v>3</v>
      </c>
      <c r="BH17" s="19">
        <f>'[1]年齢別人口市区町村(総数)'!V29</f>
        <v>730</v>
      </c>
      <c r="BI17" s="19">
        <f>'[1]年齢別人口市区町村(日本人)'!W29</f>
        <v>351</v>
      </c>
      <c r="BJ17" s="19">
        <f>'[1]年齢別人口市区町村(外国人)'!W29</f>
        <v>2</v>
      </c>
      <c r="BK17" s="19">
        <f>'[1]年齢別人口市区町村(総数)'!W29</f>
        <v>353</v>
      </c>
      <c r="BL17" s="19">
        <f>'[1]年齢別人口市区町村(日本人)'!X29</f>
        <v>90</v>
      </c>
      <c r="BM17" s="19">
        <f>'[1]年齢別人口市区町村(外国人)'!X29</f>
        <v>0</v>
      </c>
      <c r="BN17" s="19">
        <f>'[1]年齢別人口市区町村(総数)'!X29</f>
        <v>90</v>
      </c>
      <c r="BO17" s="19">
        <f>'[1]年齢別人口市区町村(日本人)'!Y29</f>
        <v>9</v>
      </c>
      <c r="BP17" s="19">
        <f>'[1]年齢別人口市区町村(外国人)'!Y29</f>
        <v>0</v>
      </c>
      <c r="BQ17" s="60">
        <f>'[1]年齢別人口市区町村(総数)'!Y29</f>
        <v>9</v>
      </c>
    </row>
    <row r="18" spans="1:69" x14ac:dyDescent="0.15">
      <c r="A18" s="31" t="s">
        <v>36</v>
      </c>
      <c r="B18" s="21" t="s">
        <v>31</v>
      </c>
      <c r="C18" s="46"/>
      <c r="D18" s="22">
        <f>'[1]年齢別人口市区町村(日本人)'!D30</f>
        <v>50262</v>
      </c>
      <c r="E18" s="23">
        <f>'[1]年齢別人口市区町村(外国人)'!D30</f>
        <v>3334</v>
      </c>
      <c r="F18" s="24">
        <f>'[1]年齢別人口市区町村(総数)'!D30</f>
        <v>53596</v>
      </c>
      <c r="G18" s="23">
        <f>'[1]年齢別人口市区町村(日本人)'!E30</f>
        <v>1570</v>
      </c>
      <c r="H18" s="23">
        <f>'[1]年齢別人口市区町村(外国人)'!E30</f>
        <v>100</v>
      </c>
      <c r="I18" s="24">
        <f>'[1]年齢別人口市区町村(総数)'!E30</f>
        <v>1670</v>
      </c>
      <c r="J18" s="23">
        <f>'[1]年齢別人口市区町村(日本人)'!F30</f>
        <v>1731</v>
      </c>
      <c r="K18" s="23">
        <f>'[1]年齢別人口市区町村(外国人)'!F30</f>
        <v>108</v>
      </c>
      <c r="L18" s="24">
        <f>'[1]年齢別人口市区町村(総数)'!F30</f>
        <v>1839</v>
      </c>
      <c r="M18" s="23">
        <f>'[1]年齢別人口市区町村(日本人)'!G30</f>
        <v>1812</v>
      </c>
      <c r="N18" s="23">
        <f>'[1]年齢別人口市区町村(外国人)'!G30</f>
        <v>114</v>
      </c>
      <c r="O18" s="24">
        <f>'[1]年齢別人口市区町村(総数)'!G30</f>
        <v>1926</v>
      </c>
      <c r="P18" s="23">
        <f>'[1]年齢別人口市区町村(日本人)'!H30</f>
        <v>1691</v>
      </c>
      <c r="Q18" s="23">
        <f>'[1]年齢別人口市区町村(外国人)'!H30</f>
        <v>108</v>
      </c>
      <c r="R18" s="24">
        <f>'[1]年齢別人口市区町村(総数)'!H30</f>
        <v>1799</v>
      </c>
      <c r="S18" s="23">
        <f>'[1]年齢別人口市区町村(日本人)'!I30</f>
        <v>2670</v>
      </c>
      <c r="T18" s="23">
        <f>'[1]年齢別人口市区町村(外国人)'!I30</f>
        <v>452</v>
      </c>
      <c r="U18" s="24">
        <f>'[1]年齢別人口市区町村(総数)'!I30</f>
        <v>3122</v>
      </c>
      <c r="V18" s="23">
        <f>'[1]年齢別人口市区町村(日本人)'!J30</f>
        <v>3707</v>
      </c>
      <c r="W18" s="23">
        <f>'[1]年齢別人口市区町村(外国人)'!J30</f>
        <v>547</v>
      </c>
      <c r="X18" s="24">
        <f>'[1]年齢別人口市区町村(総数)'!J30</f>
        <v>4254</v>
      </c>
      <c r="Y18" s="23">
        <f>'[1]年齢別人口市区町村(日本人)'!K30</f>
        <v>3427</v>
      </c>
      <c r="Z18" s="23">
        <f>'[1]年齢別人口市区町村(外国人)'!K30</f>
        <v>441</v>
      </c>
      <c r="AA18" s="24">
        <f>'[1]年齢別人口市区町村(総数)'!K30</f>
        <v>3868</v>
      </c>
      <c r="AB18" s="23">
        <f>'[1]年齢別人口市区町村(日本人)'!L30</f>
        <v>3347</v>
      </c>
      <c r="AC18" s="23">
        <f>'[1]年齢別人口市区町村(外国人)'!L30</f>
        <v>385</v>
      </c>
      <c r="AD18" s="24">
        <f>'[1]年齢別人口市区町村(総数)'!L30</f>
        <v>3732</v>
      </c>
      <c r="AE18" s="23">
        <f>'[1]年齢別人口市区町村(日本人)'!M30</f>
        <v>3573</v>
      </c>
      <c r="AF18" s="23">
        <f>'[1]年齢別人口市区町村(外国人)'!M30</f>
        <v>308</v>
      </c>
      <c r="AG18" s="24">
        <f>'[1]年齢別人口市区町村(総数)'!M30</f>
        <v>3881</v>
      </c>
      <c r="AH18" s="23">
        <f>'[1]年齢別人口市区町村(日本人)'!N30</f>
        <v>3899</v>
      </c>
      <c r="AI18" s="23">
        <f>'[1]年齢別人口市区町村(外国人)'!N30</f>
        <v>196</v>
      </c>
      <c r="AJ18" s="24">
        <f>'[1]年齢別人口市区町村(総数)'!N30</f>
        <v>4095</v>
      </c>
      <c r="AK18" s="23">
        <f>'[1]年齢別人口市区町村(日本人)'!O30</f>
        <v>4539</v>
      </c>
      <c r="AL18" s="23">
        <f>'[1]年齢別人口市区町村(外国人)'!O30</f>
        <v>159</v>
      </c>
      <c r="AM18" s="24">
        <f>'[1]年齢別人口市区町村(総数)'!O30</f>
        <v>4698</v>
      </c>
      <c r="AN18" s="23">
        <f>'[1]年齢別人口市区町村(日本人)'!P30</f>
        <v>3826</v>
      </c>
      <c r="AO18" s="23">
        <f>'[1]年齢別人口市区町村(外国人)'!P30</f>
        <v>141</v>
      </c>
      <c r="AP18" s="24">
        <f>'[1]年齢別人口市区町村(総数)'!P30</f>
        <v>3967</v>
      </c>
      <c r="AQ18" s="23">
        <f>'[1]年齢別人口市区町村(日本人)'!Q30</f>
        <v>2980</v>
      </c>
      <c r="AR18" s="23">
        <f>'[1]年齢別人口市区町村(外国人)'!Q30</f>
        <v>102</v>
      </c>
      <c r="AS18" s="24">
        <f>'[1]年齢別人口市区町村(総数)'!Q30</f>
        <v>3082</v>
      </c>
      <c r="AT18" s="23">
        <f>'[1]年齢別人口市区町村(日本人)'!R30</f>
        <v>2345</v>
      </c>
      <c r="AU18" s="23">
        <f>'[1]年齢別人口市区町村(外国人)'!R30</f>
        <v>72</v>
      </c>
      <c r="AV18" s="24">
        <f>'[1]年齢別人口市区町村(総数)'!R30</f>
        <v>2417</v>
      </c>
      <c r="AW18" s="23">
        <f>'[1]年齢別人口市区町村(日本人)'!S30</f>
        <v>2168</v>
      </c>
      <c r="AX18" s="23">
        <f>'[1]年齢別人口市区町村(外国人)'!S30</f>
        <v>43</v>
      </c>
      <c r="AY18" s="24">
        <f>'[1]年齢別人口市区町村(総数)'!S30</f>
        <v>2211</v>
      </c>
      <c r="AZ18" s="23">
        <f>'[1]年齢別人口市区町村(日本人)'!T30</f>
        <v>2512</v>
      </c>
      <c r="BA18" s="23">
        <f>'[1]年齢別人口市区町村(外国人)'!T30</f>
        <v>14</v>
      </c>
      <c r="BB18" s="24">
        <f>'[1]年齢別人口市区町村(総数)'!T30</f>
        <v>2526</v>
      </c>
      <c r="BC18" s="23">
        <f>'[1]年齢別人口市区町村(日本人)'!U30</f>
        <v>1806</v>
      </c>
      <c r="BD18" s="23">
        <f>'[1]年齢別人口市区町村(外国人)'!U30</f>
        <v>20</v>
      </c>
      <c r="BE18" s="24">
        <f>'[1]年齢別人口市区町村(総数)'!U30</f>
        <v>1826</v>
      </c>
      <c r="BF18" s="23">
        <f>'[1]年齢別人口市区町村(日本人)'!V30</f>
        <v>1422</v>
      </c>
      <c r="BG18" s="23">
        <f>'[1]年齢別人口市区町村(外国人)'!V30</f>
        <v>11</v>
      </c>
      <c r="BH18" s="24">
        <f>'[1]年齢別人口市区町村(総数)'!V30</f>
        <v>1433</v>
      </c>
      <c r="BI18" s="23">
        <f>'[1]年齢別人口市区町村(日本人)'!W30</f>
        <v>909</v>
      </c>
      <c r="BJ18" s="23">
        <f>'[1]年齢別人口市区町村(外国人)'!W30</f>
        <v>9</v>
      </c>
      <c r="BK18" s="24">
        <f>'[1]年齢別人口市区町村(総数)'!W30</f>
        <v>918</v>
      </c>
      <c r="BL18" s="23">
        <f>'[1]年齢別人口市区町村(日本人)'!X30</f>
        <v>270</v>
      </c>
      <c r="BM18" s="23">
        <f>'[1]年齢別人口市区町村(外国人)'!X30</f>
        <v>2</v>
      </c>
      <c r="BN18" s="24">
        <f>'[1]年齢別人口市区町村(総数)'!X30</f>
        <v>272</v>
      </c>
      <c r="BO18" s="23">
        <f>'[1]年齢別人口市区町村(日本人)'!Y30</f>
        <v>58</v>
      </c>
      <c r="BP18" s="23">
        <f>'[1]年齢別人口市区町村(外国人)'!Y30</f>
        <v>2</v>
      </c>
      <c r="BQ18" s="61">
        <f>'[1]年齢別人口市区町村(総数)'!Y30</f>
        <v>60</v>
      </c>
    </row>
    <row r="19" spans="1:69" ht="15" thickBot="1" x14ac:dyDescent="0.2">
      <c r="A19" s="32"/>
      <c r="B19" s="25" t="s">
        <v>32</v>
      </c>
      <c r="C19" s="47"/>
      <c r="D19" s="26">
        <f>'[1]年齢別人口市区町村(日本人)'!D28</f>
        <v>100640</v>
      </c>
      <c r="E19" s="27">
        <f>'[1]年齢別人口市区町村(外国人)'!D28</f>
        <v>6706</v>
      </c>
      <c r="F19" s="28">
        <f>'[1]年齢別人口市区町村(総数)'!D28</f>
        <v>107346</v>
      </c>
      <c r="G19" s="27">
        <f>'[1]年齢別人口市区町村(日本人)'!E28</f>
        <v>3162</v>
      </c>
      <c r="H19" s="27">
        <f>'[1]年齢別人口市区町村(外国人)'!E28</f>
        <v>203</v>
      </c>
      <c r="I19" s="28">
        <f>'[1]年齢別人口市区町村(総数)'!E28</f>
        <v>3365</v>
      </c>
      <c r="J19" s="27">
        <f>'[1]年齢別人口市区町村(日本人)'!F28</f>
        <v>3509</v>
      </c>
      <c r="K19" s="27">
        <f>'[1]年齢別人口市区町村(外国人)'!F28</f>
        <v>195</v>
      </c>
      <c r="L19" s="28">
        <f>'[1]年齢別人口市区町村(総数)'!F28</f>
        <v>3704</v>
      </c>
      <c r="M19" s="27">
        <f>'[1]年齢別人口市区町村(日本人)'!G28</f>
        <v>3642</v>
      </c>
      <c r="N19" s="27">
        <f>'[1]年齢別人口市区町村(外国人)'!G28</f>
        <v>211</v>
      </c>
      <c r="O19" s="28">
        <f>'[1]年齢別人口市区町村(総数)'!G28</f>
        <v>3853</v>
      </c>
      <c r="P19" s="27">
        <f>'[1]年齢別人口市区町村(日本人)'!H28</f>
        <v>3459</v>
      </c>
      <c r="Q19" s="27">
        <f>'[1]年齢別人口市区町村(外国人)'!H28</f>
        <v>209</v>
      </c>
      <c r="R19" s="28">
        <f>'[1]年齢別人口市区町村(総数)'!H28</f>
        <v>3668</v>
      </c>
      <c r="S19" s="27">
        <f>'[1]年齢別人口市区町村(日本人)'!I28</f>
        <v>5352</v>
      </c>
      <c r="T19" s="27">
        <f>'[1]年齢別人口市区町村(外国人)'!I28</f>
        <v>939</v>
      </c>
      <c r="U19" s="28">
        <f>'[1]年齢別人口市区町村(総数)'!I28</f>
        <v>6291</v>
      </c>
      <c r="V19" s="27">
        <f>'[1]年齢別人口市区町村(日本人)'!J28</f>
        <v>7850</v>
      </c>
      <c r="W19" s="27">
        <f>'[1]年齢別人口市区町村(外国人)'!J28</f>
        <v>1166</v>
      </c>
      <c r="X19" s="28">
        <f>'[1]年齢別人口市区町村(総数)'!J28</f>
        <v>9016</v>
      </c>
      <c r="Y19" s="27">
        <f>'[1]年齢別人口市区町村(日本人)'!K28</f>
        <v>7167</v>
      </c>
      <c r="Z19" s="27">
        <f>'[1]年齢別人口市区町村(外国人)'!K28</f>
        <v>909</v>
      </c>
      <c r="AA19" s="28">
        <f>'[1]年齢別人口市区町村(総数)'!K28</f>
        <v>8076</v>
      </c>
      <c r="AB19" s="27">
        <f>'[1]年齢別人口市区町村(日本人)'!L28</f>
        <v>7013</v>
      </c>
      <c r="AC19" s="27">
        <f>'[1]年齢別人口市区町村(外国人)'!L28</f>
        <v>784</v>
      </c>
      <c r="AD19" s="28">
        <f>'[1]年齢別人口市区町村(総数)'!L28</f>
        <v>7797</v>
      </c>
      <c r="AE19" s="27">
        <f>'[1]年齢別人口市区町村(日本人)'!M28</f>
        <v>7521</v>
      </c>
      <c r="AF19" s="27">
        <f>'[1]年齢別人口市区町村(外国人)'!M28</f>
        <v>642</v>
      </c>
      <c r="AG19" s="28">
        <f>'[1]年齢別人口市区町村(総数)'!M28</f>
        <v>8163</v>
      </c>
      <c r="AH19" s="27">
        <f>'[1]年齢別人口市区町村(日本人)'!N28</f>
        <v>8062</v>
      </c>
      <c r="AI19" s="27">
        <f>'[1]年齢別人口市区町村(外国人)'!N28</f>
        <v>427</v>
      </c>
      <c r="AJ19" s="28">
        <f>'[1]年齢別人口市区町村(総数)'!N28</f>
        <v>8489</v>
      </c>
      <c r="AK19" s="27">
        <f>'[1]年齢別人口市区町村(日本人)'!O28</f>
        <v>9141</v>
      </c>
      <c r="AL19" s="27">
        <f>'[1]年齢別人口市区町村(外国人)'!O28</f>
        <v>309</v>
      </c>
      <c r="AM19" s="28">
        <f>'[1]年齢別人口市区町村(総数)'!O28</f>
        <v>9450</v>
      </c>
      <c r="AN19" s="27">
        <f>'[1]年齢別人口市区町村(日本人)'!P28</f>
        <v>8043</v>
      </c>
      <c r="AO19" s="27">
        <f>'[1]年齢別人口市区町村(外国人)'!P28</f>
        <v>263</v>
      </c>
      <c r="AP19" s="28">
        <f>'[1]年齢別人口市区町村(総数)'!P28</f>
        <v>8306</v>
      </c>
      <c r="AQ19" s="27">
        <f>'[1]年齢別人口市区町村(日本人)'!Q28</f>
        <v>6200</v>
      </c>
      <c r="AR19" s="27">
        <f>'[1]年齢別人口市区町村(外国人)'!Q28</f>
        <v>176</v>
      </c>
      <c r="AS19" s="28">
        <f>'[1]年齢別人口市区町村(総数)'!Q28</f>
        <v>6376</v>
      </c>
      <c r="AT19" s="27">
        <f>'[1]年齢別人口市区町村(日本人)'!R28</f>
        <v>4679</v>
      </c>
      <c r="AU19" s="27">
        <f>'[1]年齢別人口市区町村(外国人)'!R28</f>
        <v>113</v>
      </c>
      <c r="AV19" s="28">
        <f>'[1]年齢別人口市区町村(総数)'!R28</f>
        <v>4792</v>
      </c>
      <c r="AW19" s="27">
        <f>'[1]年齢別人口市区町村(日本人)'!S28</f>
        <v>4259</v>
      </c>
      <c r="AX19" s="27">
        <f>'[1]年齢別人口市区町村(外国人)'!S28</f>
        <v>71</v>
      </c>
      <c r="AY19" s="28">
        <f>'[1]年齢別人口市区町村(総数)'!S28</f>
        <v>4330</v>
      </c>
      <c r="AZ19" s="27">
        <f>'[1]年齢別人口市区町村(日本人)'!T28</f>
        <v>4709</v>
      </c>
      <c r="BA19" s="27">
        <f>'[1]年齢別人口市区町村(外国人)'!T28</f>
        <v>33</v>
      </c>
      <c r="BB19" s="28">
        <f>'[1]年齢別人口市区町村(総数)'!T28</f>
        <v>4742</v>
      </c>
      <c r="BC19" s="27">
        <f>'[1]年齢別人口市区町村(日本人)'!U28</f>
        <v>3036</v>
      </c>
      <c r="BD19" s="27">
        <f>'[1]年齢別人口市区町村(外国人)'!U28</f>
        <v>27</v>
      </c>
      <c r="BE19" s="28">
        <f>'[1]年齢別人口市区町村(総数)'!U28</f>
        <v>3063</v>
      </c>
      <c r="BF19" s="27">
        <f>'[1]年齢別人口市区町村(日本人)'!V28</f>
        <v>2149</v>
      </c>
      <c r="BG19" s="27">
        <f>'[1]年齢別人口市区町村(外国人)'!V28</f>
        <v>14</v>
      </c>
      <c r="BH19" s="28">
        <f>'[1]年齢別人口市区町村(総数)'!V28</f>
        <v>2163</v>
      </c>
      <c r="BI19" s="27">
        <f>'[1]年齢別人口市区町村(日本人)'!W28</f>
        <v>1260</v>
      </c>
      <c r="BJ19" s="27">
        <f>'[1]年齢別人口市区町村(外国人)'!W28</f>
        <v>11</v>
      </c>
      <c r="BK19" s="28">
        <f>'[1]年齢別人口市区町村(総数)'!W28</f>
        <v>1271</v>
      </c>
      <c r="BL19" s="27">
        <f>'[1]年齢別人口市区町村(日本人)'!X28</f>
        <v>360</v>
      </c>
      <c r="BM19" s="27">
        <f>'[1]年齢別人口市区町村(外国人)'!X28</f>
        <v>2</v>
      </c>
      <c r="BN19" s="28">
        <f>'[1]年齢別人口市区町村(総数)'!X28</f>
        <v>362</v>
      </c>
      <c r="BO19" s="27">
        <f>'[1]年齢別人口市区町村(日本人)'!Y28</f>
        <v>67</v>
      </c>
      <c r="BP19" s="27">
        <f>'[1]年齢別人口市区町村(外国人)'!Y28</f>
        <v>2</v>
      </c>
      <c r="BQ19" s="62">
        <f>'[1]年齢別人口市区町村(総数)'!Y28</f>
        <v>69</v>
      </c>
    </row>
    <row r="20" spans="1:69" x14ac:dyDescent="0.15">
      <c r="A20" s="31"/>
      <c r="B20" s="17" t="s">
        <v>29</v>
      </c>
      <c r="C20" s="45">
        <v>141046</v>
      </c>
      <c r="D20" s="18">
        <f>'[1]年齢別人口市区町村(日本人)'!D32</f>
        <v>70869</v>
      </c>
      <c r="E20" s="19">
        <f>'[1]年齢別人口市区町村(外国人)'!D32</f>
        <v>9617</v>
      </c>
      <c r="F20" s="19">
        <f>'[1]年齢別人口市区町村(総数)'!D32</f>
        <v>80486</v>
      </c>
      <c r="G20" s="19">
        <f>'[1]年齢別人口市区町村(日本人)'!E32</f>
        <v>1541</v>
      </c>
      <c r="H20" s="19">
        <f>'[1]年齢別人口市区町村(外国人)'!E32</f>
        <v>231</v>
      </c>
      <c r="I20" s="19">
        <f>'[1]年齢別人口市区町村(総数)'!E32</f>
        <v>1772</v>
      </c>
      <c r="J20" s="19">
        <f>'[1]年齢別人口市区町村(日本人)'!F32</f>
        <v>2094</v>
      </c>
      <c r="K20" s="19">
        <f>'[1]年齢別人口市区町村(外国人)'!F32</f>
        <v>413</v>
      </c>
      <c r="L20" s="19">
        <f>'[1]年齢別人口市区町村(総数)'!F32</f>
        <v>2507</v>
      </c>
      <c r="M20" s="19">
        <f>'[1]年齢別人口市区町村(日本人)'!G32</f>
        <v>2379</v>
      </c>
      <c r="N20" s="19">
        <f>'[1]年齢別人口市区町村(外国人)'!G32</f>
        <v>416</v>
      </c>
      <c r="O20" s="19">
        <f>'[1]年齢別人口市区町村(総数)'!G32</f>
        <v>2795</v>
      </c>
      <c r="P20" s="19">
        <f>'[1]年齢別人口市区町村(日本人)'!H32</f>
        <v>2584</v>
      </c>
      <c r="Q20" s="19">
        <f>'[1]年齢別人口市区町村(外国人)'!H32</f>
        <v>488</v>
      </c>
      <c r="R20" s="19">
        <f>'[1]年齢別人口市区町村(総数)'!H32</f>
        <v>3072</v>
      </c>
      <c r="S20" s="19">
        <f>'[1]年齢別人口市区町村(日本人)'!I32</f>
        <v>3188</v>
      </c>
      <c r="T20" s="19">
        <f>'[1]年齢別人口市区町村(外国人)'!I32</f>
        <v>1202</v>
      </c>
      <c r="U20" s="19">
        <f>'[1]年齢別人口市区町村(総数)'!I32</f>
        <v>4390</v>
      </c>
      <c r="V20" s="19">
        <f>'[1]年齢別人口市区町村(日本人)'!J32</f>
        <v>4301</v>
      </c>
      <c r="W20" s="19">
        <f>'[1]年齢別人口市区町村(外国人)'!J32</f>
        <v>957</v>
      </c>
      <c r="X20" s="19">
        <f>'[1]年齢別人口市区町村(総数)'!J32</f>
        <v>5258</v>
      </c>
      <c r="Y20" s="19">
        <f>'[1]年齢別人口市区町村(日本人)'!K32</f>
        <v>3982</v>
      </c>
      <c r="Z20" s="19">
        <f>'[1]年齢別人口市区町村(外国人)'!K32</f>
        <v>899</v>
      </c>
      <c r="AA20" s="19">
        <f>'[1]年齢別人口市区町村(総数)'!K32</f>
        <v>4881</v>
      </c>
      <c r="AB20" s="19">
        <f>'[1]年齢別人口市区町村(日本人)'!L32</f>
        <v>3785</v>
      </c>
      <c r="AC20" s="19">
        <f>'[1]年齢別人口市区町村(外国人)'!L32</f>
        <v>1004</v>
      </c>
      <c r="AD20" s="19">
        <f>'[1]年齢別人口市区町村(総数)'!L32</f>
        <v>4789</v>
      </c>
      <c r="AE20" s="19">
        <f>'[1]年齢別人口市区町村(日本人)'!M32</f>
        <v>4339</v>
      </c>
      <c r="AF20" s="19">
        <f>'[1]年齢別人口市区町村(外国人)'!M32</f>
        <v>904</v>
      </c>
      <c r="AG20" s="19">
        <f>'[1]年齢別人口市区町村(総数)'!M32</f>
        <v>5243</v>
      </c>
      <c r="AH20" s="19">
        <f>'[1]年齢別人口市区町村(日本人)'!N32</f>
        <v>5356</v>
      </c>
      <c r="AI20" s="19">
        <f>'[1]年齢別人口市区町村(外国人)'!N32</f>
        <v>774</v>
      </c>
      <c r="AJ20" s="19">
        <f>'[1]年齢別人口市区町村(総数)'!N32</f>
        <v>6130</v>
      </c>
      <c r="AK20" s="19">
        <f>'[1]年齢別人口市区町村(日本人)'!O32</f>
        <v>6588</v>
      </c>
      <c r="AL20" s="19">
        <f>'[1]年齢別人口市区町村(外国人)'!O32</f>
        <v>662</v>
      </c>
      <c r="AM20" s="19">
        <f>'[1]年齢別人口市区町村(総数)'!O32</f>
        <v>7250</v>
      </c>
      <c r="AN20" s="19">
        <f>'[1]年齢別人口市区町村(日本人)'!P32</f>
        <v>7046</v>
      </c>
      <c r="AO20" s="19">
        <f>'[1]年齢別人口市区町村(外国人)'!P32</f>
        <v>519</v>
      </c>
      <c r="AP20" s="19">
        <f>'[1]年齢別人口市区町村(総数)'!P32</f>
        <v>7565</v>
      </c>
      <c r="AQ20" s="19">
        <f>'[1]年齢別人口市区町村(日本人)'!Q32</f>
        <v>6063</v>
      </c>
      <c r="AR20" s="19">
        <f>'[1]年齢別人口市区町村(外国人)'!Q32</f>
        <v>384</v>
      </c>
      <c r="AS20" s="19">
        <f>'[1]年齢別人口市区町村(総数)'!Q32</f>
        <v>6447</v>
      </c>
      <c r="AT20" s="19">
        <f>'[1]年齢別人口市区町村(日本人)'!R32</f>
        <v>4568</v>
      </c>
      <c r="AU20" s="19">
        <f>'[1]年齢別人口市区町村(外国人)'!R32</f>
        <v>271</v>
      </c>
      <c r="AV20" s="19">
        <f>'[1]年齢別人口市区町村(総数)'!R32</f>
        <v>4839</v>
      </c>
      <c r="AW20" s="19">
        <f>'[1]年齢別人口市区町村(日本人)'!S32</f>
        <v>4195</v>
      </c>
      <c r="AX20" s="19">
        <f>'[1]年齢別人口市区町村(外国人)'!S32</f>
        <v>203</v>
      </c>
      <c r="AY20" s="19">
        <f>'[1]年齢別人口市区町村(総数)'!S32</f>
        <v>4398</v>
      </c>
      <c r="AZ20" s="19">
        <f>'[1]年齢別人口市区町村(日本人)'!T32</f>
        <v>4351</v>
      </c>
      <c r="BA20" s="19">
        <f>'[1]年齢別人口市区町村(外国人)'!T32</f>
        <v>148</v>
      </c>
      <c r="BB20" s="19">
        <f>'[1]年齢別人口市区町村(総数)'!T32</f>
        <v>4499</v>
      </c>
      <c r="BC20" s="19">
        <f>'[1]年齢別人口市区町村(日本人)'!U32</f>
        <v>2491</v>
      </c>
      <c r="BD20" s="19">
        <f>'[1]年齢別人口市区町村(外国人)'!U32</f>
        <v>75</v>
      </c>
      <c r="BE20" s="19">
        <f>'[1]年齢別人口市区町村(総数)'!U32</f>
        <v>2566</v>
      </c>
      <c r="BF20" s="19">
        <f>'[1]年齢別人口市区町村(日本人)'!V32</f>
        <v>1256</v>
      </c>
      <c r="BG20" s="19">
        <f>'[1]年齢別人口市区町村(外国人)'!V32</f>
        <v>42</v>
      </c>
      <c r="BH20" s="19">
        <f>'[1]年齢別人口市区町村(総数)'!V32</f>
        <v>1298</v>
      </c>
      <c r="BI20" s="19">
        <f>'[1]年齢別人口市区町村(日本人)'!W32</f>
        <v>614</v>
      </c>
      <c r="BJ20" s="19">
        <f>'[1]年齢別人口市区町村(外国人)'!W32</f>
        <v>21</v>
      </c>
      <c r="BK20" s="19">
        <f>'[1]年齢別人口市区町村(総数)'!W32</f>
        <v>635</v>
      </c>
      <c r="BL20" s="19">
        <f>'[1]年齢別人口市区町村(日本人)'!X32</f>
        <v>130</v>
      </c>
      <c r="BM20" s="19">
        <f>'[1]年齢別人口市区町村(外国人)'!X32</f>
        <v>4</v>
      </c>
      <c r="BN20" s="19">
        <f>'[1]年齢別人口市区町村(総数)'!X32</f>
        <v>134</v>
      </c>
      <c r="BO20" s="19">
        <f>'[1]年齢別人口市区町村(日本人)'!Y32</f>
        <v>18</v>
      </c>
      <c r="BP20" s="19">
        <f>'[1]年齢別人口市区町村(外国人)'!Y32</f>
        <v>0</v>
      </c>
      <c r="BQ20" s="60">
        <f>'[1]年齢別人口市区町村(総数)'!Y32</f>
        <v>18</v>
      </c>
    </row>
    <row r="21" spans="1:69" x14ac:dyDescent="0.15">
      <c r="A21" s="31" t="s">
        <v>37</v>
      </c>
      <c r="B21" s="21" t="s">
        <v>31</v>
      </c>
      <c r="C21" s="46"/>
      <c r="D21" s="22">
        <f>'[1]年齢別人口市区町村(日本人)'!D33</f>
        <v>65644</v>
      </c>
      <c r="E21" s="23">
        <f>'[1]年齢別人口市区町村(外国人)'!D33</f>
        <v>10047</v>
      </c>
      <c r="F21" s="24">
        <f>'[1]年齢別人口市区町村(総数)'!D33</f>
        <v>75691</v>
      </c>
      <c r="G21" s="23">
        <f>'[1]年齢別人口市区町村(日本人)'!E33</f>
        <v>1556</v>
      </c>
      <c r="H21" s="23">
        <f>'[1]年齢別人口市区町村(外国人)'!E33</f>
        <v>196</v>
      </c>
      <c r="I21" s="24">
        <f>'[1]年齢別人口市区町村(総数)'!E33</f>
        <v>1752</v>
      </c>
      <c r="J21" s="23">
        <f>'[1]年齢別人口市区町村(日本人)'!F33</f>
        <v>1892</v>
      </c>
      <c r="K21" s="23">
        <f>'[1]年齢別人口市区町村(外国人)'!F33</f>
        <v>341</v>
      </c>
      <c r="L21" s="24">
        <f>'[1]年齢別人口市区町村(総数)'!F33</f>
        <v>2233</v>
      </c>
      <c r="M21" s="23">
        <f>'[1]年齢別人口市区町村(日本人)'!G33</f>
        <v>2317</v>
      </c>
      <c r="N21" s="23">
        <f>'[1]年齢別人口市区町村(外国人)'!G33</f>
        <v>368</v>
      </c>
      <c r="O21" s="24">
        <f>'[1]年齢別人口市区町村(総数)'!G33</f>
        <v>2685</v>
      </c>
      <c r="P21" s="23">
        <f>'[1]年齢別人口市区町村(日本人)'!H33</f>
        <v>2452</v>
      </c>
      <c r="Q21" s="23">
        <f>'[1]年齢別人口市区町村(外国人)'!H33</f>
        <v>456</v>
      </c>
      <c r="R21" s="24">
        <f>'[1]年齢別人口市区町村(総数)'!H33</f>
        <v>2908</v>
      </c>
      <c r="S21" s="23">
        <f>'[1]年齢別人口市区町村(日本人)'!I33</f>
        <v>3222</v>
      </c>
      <c r="T21" s="23">
        <f>'[1]年齢別人口市区町村(外国人)'!I33</f>
        <v>1011</v>
      </c>
      <c r="U21" s="24">
        <f>'[1]年齢別人口市区町村(総数)'!I33</f>
        <v>4233</v>
      </c>
      <c r="V21" s="23">
        <f>'[1]年齢別人口市区町村(日本人)'!J33</f>
        <v>3800</v>
      </c>
      <c r="W21" s="23">
        <f>'[1]年齢別人口市区町村(外国人)'!J33</f>
        <v>906</v>
      </c>
      <c r="X21" s="24">
        <f>'[1]年齢別人口市区町村(総数)'!J33</f>
        <v>4706</v>
      </c>
      <c r="Y21" s="23">
        <f>'[1]年齢別人口市区町村(日本人)'!K33</f>
        <v>3470</v>
      </c>
      <c r="Z21" s="23">
        <f>'[1]年齢別人口市区町村(外国人)'!K33</f>
        <v>829</v>
      </c>
      <c r="AA21" s="24">
        <f>'[1]年齢別人口市区町村(総数)'!K33</f>
        <v>4299</v>
      </c>
      <c r="AB21" s="23">
        <f>'[1]年齢別人口市区町村(日本人)'!L33</f>
        <v>3521</v>
      </c>
      <c r="AC21" s="23">
        <f>'[1]年齢別人口市区町村(外国人)'!L33</f>
        <v>1055</v>
      </c>
      <c r="AD21" s="24">
        <f>'[1]年齢別人口市区町村(総数)'!L33</f>
        <v>4576</v>
      </c>
      <c r="AE21" s="23">
        <f>'[1]年齢別人口市区町村(日本人)'!M33</f>
        <v>3929</v>
      </c>
      <c r="AF21" s="23">
        <f>'[1]年齢別人口市区町村(外国人)'!M33</f>
        <v>1049</v>
      </c>
      <c r="AG21" s="24">
        <f>'[1]年齢別人口市区町村(総数)'!M33</f>
        <v>4978</v>
      </c>
      <c r="AH21" s="23">
        <f>'[1]年齢別人口市区町村(日本人)'!N33</f>
        <v>4915</v>
      </c>
      <c r="AI21" s="23">
        <f>'[1]年齢別人口市区町村(外国人)'!N33</f>
        <v>945</v>
      </c>
      <c r="AJ21" s="24">
        <f>'[1]年齢別人口市区町村(総数)'!N33</f>
        <v>5860</v>
      </c>
      <c r="AK21" s="23">
        <f>'[1]年齢別人口市区町村(日本人)'!O33</f>
        <v>6080</v>
      </c>
      <c r="AL21" s="23">
        <f>'[1]年齢別人口市区町村(外国人)'!O33</f>
        <v>801</v>
      </c>
      <c r="AM21" s="24">
        <f>'[1]年齢別人口市区町村(総数)'!O33</f>
        <v>6881</v>
      </c>
      <c r="AN21" s="23">
        <f>'[1]年齢別人口市区町村(日本人)'!P33</f>
        <v>5913</v>
      </c>
      <c r="AO21" s="23">
        <f>'[1]年齢別人口市区町村(外国人)'!P33</f>
        <v>648</v>
      </c>
      <c r="AP21" s="24">
        <f>'[1]年齢別人口市区町村(総数)'!P33</f>
        <v>6561</v>
      </c>
      <c r="AQ21" s="23">
        <f>'[1]年齢別人口市区町村(日本人)'!Q33</f>
        <v>4765</v>
      </c>
      <c r="AR21" s="23">
        <f>'[1]年齢別人口市区町村(外国人)'!Q33</f>
        <v>486</v>
      </c>
      <c r="AS21" s="24">
        <f>'[1]年齢別人口市区町村(総数)'!Q33</f>
        <v>5251</v>
      </c>
      <c r="AT21" s="23">
        <f>'[1]年齢別人口市区町村(日本人)'!R33</f>
        <v>3629</v>
      </c>
      <c r="AU21" s="23">
        <f>'[1]年齢別人口市区町村(外国人)'!R33</f>
        <v>327</v>
      </c>
      <c r="AV21" s="24">
        <f>'[1]年齢別人口市区町村(総数)'!R33</f>
        <v>3956</v>
      </c>
      <c r="AW21" s="23">
        <f>'[1]年齢別人口市区町村(日本人)'!S33</f>
        <v>3305</v>
      </c>
      <c r="AX21" s="23">
        <f>'[1]年齢別人口市区町村(外国人)'!S33</f>
        <v>252</v>
      </c>
      <c r="AY21" s="24">
        <f>'[1]年齢別人口市区町村(総数)'!S33</f>
        <v>3557</v>
      </c>
      <c r="AZ21" s="23">
        <f>'[1]年齢別人口市区町村(日本人)'!T33</f>
        <v>3899</v>
      </c>
      <c r="BA21" s="23">
        <f>'[1]年齢別人口市区町村(外国人)'!T33</f>
        <v>150</v>
      </c>
      <c r="BB21" s="24">
        <f>'[1]年齢別人口市区町村(総数)'!T33</f>
        <v>4049</v>
      </c>
      <c r="BC21" s="23">
        <f>'[1]年齢別人口市区町村(日本人)'!U33</f>
        <v>2871</v>
      </c>
      <c r="BD21" s="23">
        <f>'[1]年齢別人口市区町村(外国人)'!U33</f>
        <v>109</v>
      </c>
      <c r="BE21" s="24">
        <f>'[1]年齢別人口市区町村(総数)'!U33</f>
        <v>2980</v>
      </c>
      <c r="BF21" s="23">
        <f>'[1]年齢別人口市区町村(日本人)'!V33</f>
        <v>2141</v>
      </c>
      <c r="BG21" s="23">
        <f>'[1]年齢別人口市区町村(外国人)'!V33</f>
        <v>69</v>
      </c>
      <c r="BH21" s="24">
        <f>'[1]年齢別人口市区町村(総数)'!V33</f>
        <v>2210</v>
      </c>
      <c r="BI21" s="23">
        <f>'[1]年齢別人口市区町村(日本人)'!W33</f>
        <v>1407</v>
      </c>
      <c r="BJ21" s="23">
        <f>'[1]年齢別人口市区町村(外国人)'!W33</f>
        <v>33</v>
      </c>
      <c r="BK21" s="24">
        <f>'[1]年齢別人口市区町村(総数)'!W33</f>
        <v>1440</v>
      </c>
      <c r="BL21" s="23">
        <f>'[1]年齢別人口市区町村(日本人)'!X33</f>
        <v>465</v>
      </c>
      <c r="BM21" s="23">
        <f>'[1]年齢別人口市区町村(外国人)'!X33</f>
        <v>12</v>
      </c>
      <c r="BN21" s="24">
        <f>'[1]年齢別人口市区町村(総数)'!X33</f>
        <v>477</v>
      </c>
      <c r="BO21" s="23">
        <f>'[1]年齢別人口市区町村(日本人)'!Y33</f>
        <v>95</v>
      </c>
      <c r="BP21" s="23">
        <f>'[1]年齢別人口市区町村(外国人)'!Y33</f>
        <v>2</v>
      </c>
      <c r="BQ21" s="61">
        <f>'[1]年齢別人口市区町村(総数)'!Y33</f>
        <v>97</v>
      </c>
    </row>
    <row r="22" spans="1:69" ht="15" thickBot="1" x14ac:dyDescent="0.2">
      <c r="A22" s="32"/>
      <c r="B22" s="25" t="s">
        <v>32</v>
      </c>
      <c r="C22" s="47"/>
      <c r="D22" s="26">
        <f>'[1]年齢別人口市区町村(日本人)'!D31</f>
        <v>136513</v>
      </c>
      <c r="E22" s="27">
        <f>'[1]年齢別人口市区町村(外国人)'!D31</f>
        <v>19664</v>
      </c>
      <c r="F22" s="28">
        <f>'[1]年齢別人口市区町村(総数)'!D31</f>
        <v>156177</v>
      </c>
      <c r="G22" s="27">
        <f>'[1]年齢別人口市区町村(日本人)'!E31</f>
        <v>3097</v>
      </c>
      <c r="H22" s="27">
        <f>'[1]年齢別人口市区町村(外国人)'!E31</f>
        <v>427</v>
      </c>
      <c r="I22" s="28">
        <f>'[1]年齢別人口市区町村(総数)'!E31</f>
        <v>3524</v>
      </c>
      <c r="J22" s="27">
        <f>'[1]年齢別人口市区町村(日本人)'!F31</f>
        <v>3986</v>
      </c>
      <c r="K22" s="27">
        <f>'[1]年齢別人口市区町村(外国人)'!F31</f>
        <v>754</v>
      </c>
      <c r="L22" s="28">
        <f>'[1]年齢別人口市区町村(総数)'!F31</f>
        <v>4740</v>
      </c>
      <c r="M22" s="27">
        <f>'[1]年齢別人口市区町村(日本人)'!G31</f>
        <v>4696</v>
      </c>
      <c r="N22" s="27">
        <f>'[1]年齢別人口市区町村(外国人)'!G31</f>
        <v>784</v>
      </c>
      <c r="O22" s="28">
        <f>'[1]年齢別人口市区町村(総数)'!G31</f>
        <v>5480</v>
      </c>
      <c r="P22" s="27">
        <f>'[1]年齢別人口市区町村(日本人)'!H31</f>
        <v>5036</v>
      </c>
      <c r="Q22" s="27">
        <f>'[1]年齢別人口市区町村(外国人)'!H31</f>
        <v>944</v>
      </c>
      <c r="R22" s="28">
        <f>'[1]年齢別人口市区町村(総数)'!H31</f>
        <v>5980</v>
      </c>
      <c r="S22" s="27">
        <f>'[1]年齢別人口市区町村(日本人)'!I31</f>
        <v>6410</v>
      </c>
      <c r="T22" s="27">
        <f>'[1]年齢別人口市区町村(外国人)'!I31</f>
        <v>2213</v>
      </c>
      <c r="U22" s="28">
        <f>'[1]年齢別人口市区町村(総数)'!I31</f>
        <v>8623</v>
      </c>
      <c r="V22" s="27">
        <f>'[1]年齢別人口市区町村(日本人)'!J31</f>
        <v>8101</v>
      </c>
      <c r="W22" s="27">
        <f>'[1]年齢別人口市区町村(外国人)'!J31</f>
        <v>1863</v>
      </c>
      <c r="X22" s="28">
        <f>'[1]年齢別人口市区町村(総数)'!J31</f>
        <v>9964</v>
      </c>
      <c r="Y22" s="27">
        <f>'[1]年齢別人口市区町村(日本人)'!K31</f>
        <v>7452</v>
      </c>
      <c r="Z22" s="27">
        <f>'[1]年齢別人口市区町村(外国人)'!K31</f>
        <v>1728</v>
      </c>
      <c r="AA22" s="28">
        <f>'[1]年齢別人口市区町村(総数)'!K31</f>
        <v>9180</v>
      </c>
      <c r="AB22" s="27">
        <f>'[1]年齢別人口市区町村(日本人)'!L31</f>
        <v>7306</v>
      </c>
      <c r="AC22" s="27">
        <f>'[1]年齢別人口市区町村(外国人)'!L31</f>
        <v>2059</v>
      </c>
      <c r="AD22" s="28">
        <f>'[1]年齢別人口市区町村(総数)'!L31</f>
        <v>9365</v>
      </c>
      <c r="AE22" s="27">
        <f>'[1]年齢別人口市区町村(日本人)'!M31</f>
        <v>8268</v>
      </c>
      <c r="AF22" s="27">
        <f>'[1]年齢別人口市区町村(外国人)'!M31</f>
        <v>1953</v>
      </c>
      <c r="AG22" s="28">
        <f>'[1]年齢別人口市区町村(総数)'!M31</f>
        <v>10221</v>
      </c>
      <c r="AH22" s="27">
        <f>'[1]年齢別人口市区町村(日本人)'!N31</f>
        <v>10271</v>
      </c>
      <c r="AI22" s="27">
        <f>'[1]年齢別人口市区町村(外国人)'!N31</f>
        <v>1719</v>
      </c>
      <c r="AJ22" s="28">
        <f>'[1]年齢別人口市区町村(総数)'!N31</f>
        <v>11990</v>
      </c>
      <c r="AK22" s="27">
        <f>'[1]年齢別人口市区町村(日本人)'!O31</f>
        <v>12668</v>
      </c>
      <c r="AL22" s="27">
        <f>'[1]年齢別人口市区町村(外国人)'!O31</f>
        <v>1463</v>
      </c>
      <c r="AM22" s="28">
        <f>'[1]年齢別人口市区町村(総数)'!O31</f>
        <v>14131</v>
      </c>
      <c r="AN22" s="27">
        <f>'[1]年齢別人口市区町村(日本人)'!P31</f>
        <v>12959</v>
      </c>
      <c r="AO22" s="27">
        <f>'[1]年齢別人口市区町村(外国人)'!P31</f>
        <v>1167</v>
      </c>
      <c r="AP22" s="28">
        <f>'[1]年齢別人口市区町村(総数)'!P31</f>
        <v>14126</v>
      </c>
      <c r="AQ22" s="27">
        <f>'[1]年齢別人口市区町村(日本人)'!Q31</f>
        <v>10828</v>
      </c>
      <c r="AR22" s="27">
        <f>'[1]年齢別人口市区町村(外国人)'!Q31</f>
        <v>870</v>
      </c>
      <c r="AS22" s="28">
        <f>'[1]年齢別人口市区町村(総数)'!Q31</f>
        <v>11698</v>
      </c>
      <c r="AT22" s="27">
        <f>'[1]年齢別人口市区町村(日本人)'!R31</f>
        <v>8197</v>
      </c>
      <c r="AU22" s="27">
        <f>'[1]年齢別人口市区町村(外国人)'!R31</f>
        <v>598</v>
      </c>
      <c r="AV22" s="28">
        <f>'[1]年齢別人口市区町村(総数)'!R31</f>
        <v>8795</v>
      </c>
      <c r="AW22" s="27">
        <f>'[1]年齢別人口市区町村(日本人)'!S31</f>
        <v>7500</v>
      </c>
      <c r="AX22" s="27">
        <f>'[1]年齢別人口市区町村(外国人)'!S31</f>
        <v>455</v>
      </c>
      <c r="AY22" s="28">
        <f>'[1]年齢別人口市区町村(総数)'!S31</f>
        <v>7955</v>
      </c>
      <c r="AZ22" s="27">
        <f>'[1]年齢別人口市区町村(日本人)'!T31</f>
        <v>8250</v>
      </c>
      <c r="BA22" s="27">
        <f>'[1]年齢別人口市区町村(外国人)'!T31</f>
        <v>298</v>
      </c>
      <c r="BB22" s="28">
        <f>'[1]年齢別人口市区町村(総数)'!T31</f>
        <v>8548</v>
      </c>
      <c r="BC22" s="27">
        <f>'[1]年齢別人口市区町村(日本人)'!U31</f>
        <v>5362</v>
      </c>
      <c r="BD22" s="27">
        <f>'[1]年齢別人口市区町村(外国人)'!U31</f>
        <v>184</v>
      </c>
      <c r="BE22" s="28">
        <f>'[1]年齢別人口市区町村(総数)'!U31</f>
        <v>5546</v>
      </c>
      <c r="BF22" s="27">
        <f>'[1]年齢別人口市区町村(日本人)'!V31</f>
        <v>3397</v>
      </c>
      <c r="BG22" s="27">
        <f>'[1]年齢別人口市区町村(外国人)'!V31</f>
        <v>111</v>
      </c>
      <c r="BH22" s="28">
        <f>'[1]年齢別人口市区町村(総数)'!V31</f>
        <v>3508</v>
      </c>
      <c r="BI22" s="27">
        <f>'[1]年齢別人口市区町村(日本人)'!W31</f>
        <v>2021</v>
      </c>
      <c r="BJ22" s="27">
        <f>'[1]年齢別人口市区町村(外国人)'!W31</f>
        <v>54</v>
      </c>
      <c r="BK22" s="28">
        <f>'[1]年齢別人口市区町村(総数)'!W31</f>
        <v>2075</v>
      </c>
      <c r="BL22" s="27">
        <f>'[1]年齢別人口市区町村(日本人)'!X31</f>
        <v>595</v>
      </c>
      <c r="BM22" s="27">
        <f>'[1]年齢別人口市区町村(外国人)'!X31</f>
        <v>16</v>
      </c>
      <c r="BN22" s="28">
        <f>'[1]年齢別人口市区町村(総数)'!X31</f>
        <v>611</v>
      </c>
      <c r="BO22" s="27">
        <f>'[1]年齢別人口市区町村(日本人)'!Y31</f>
        <v>113</v>
      </c>
      <c r="BP22" s="27">
        <f>'[1]年齢別人口市区町村(外国人)'!Y31</f>
        <v>2</v>
      </c>
      <c r="BQ22" s="62">
        <f>'[1]年齢別人口市区町村(総数)'!Y31</f>
        <v>115</v>
      </c>
    </row>
    <row r="23" spans="1:69" x14ac:dyDescent="0.15">
      <c r="A23" s="31"/>
      <c r="B23" s="17" t="s">
        <v>29</v>
      </c>
      <c r="C23" s="45">
        <v>141054</v>
      </c>
      <c r="D23" s="18">
        <f>'[1]年齢別人口市区町村(日本人)'!D35</f>
        <v>93216</v>
      </c>
      <c r="E23" s="19">
        <f>'[1]年齢別人口市区町村(外国人)'!D35</f>
        <v>6952</v>
      </c>
      <c r="F23" s="19">
        <f>'[1]年齢別人口市区町村(総数)'!D35</f>
        <v>100168</v>
      </c>
      <c r="G23" s="19">
        <f>'[1]年齢別人口市区町村(日本人)'!E35</f>
        <v>2375</v>
      </c>
      <c r="H23" s="19">
        <f>'[1]年齢別人口市区町村(外国人)'!E35</f>
        <v>241</v>
      </c>
      <c r="I23" s="19">
        <f>'[1]年齢別人口市区町村(総数)'!E35</f>
        <v>2616</v>
      </c>
      <c r="J23" s="19">
        <f>'[1]年齢別人口市区町村(日本人)'!F35</f>
        <v>2621</v>
      </c>
      <c r="K23" s="19">
        <f>'[1]年齢別人口市区町村(外国人)'!F35</f>
        <v>336</v>
      </c>
      <c r="L23" s="19">
        <f>'[1]年齢別人口市区町村(総数)'!F35</f>
        <v>2957</v>
      </c>
      <c r="M23" s="19">
        <f>'[1]年齢別人口市区町村(日本人)'!G35</f>
        <v>3278</v>
      </c>
      <c r="N23" s="19">
        <f>'[1]年齢別人口市区町村(外国人)'!G35</f>
        <v>319</v>
      </c>
      <c r="O23" s="19">
        <f>'[1]年齢別人口市区町村(総数)'!G35</f>
        <v>3597</v>
      </c>
      <c r="P23" s="19">
        <f>'[1]年齢別人口市区町村(日本人)'!H35</f>
        <v>3459</v>
      </c>
      <c r="Q23" s="19">
        <f>'[1]年齢別人口市区町村(外国人)'!H35</f>
        <v>277</v>
      </c>
      <c r="R23" s="19">
        <f>'[1]年齢別人口市区町村(総数)'!H35</f>
        <v>3736</v>
      </c>
      <c r="S23" s="19">
        <f>'[1]年齢別人口市区町村(日本人)'!I35</f>
        <v>4866</v>
      </c>
      <c r="T23" s="19">
        <f>'[1]年齢別人口市区町村(外国人)'!I35</f>
        <v>878</v>
      </c>
      <c r="U23" s="19">
        <f>'[1]年齢別人口市区町村(総数)'!I35</f>
        <v>5744</v>
      </c>
      <c r="V23" s="19">
        <f>'[1]年齢別人口市区町村(日本人)'!J35</f>
        <v>6696</v>
      </c>
      <c r="W23" s="19">
        <f>'[1]年齢別人口市区町村(外国人)'!J35</f>
        <v>1037</v>
      </c>
      <c r="X23" s="19">
        <f>'[1]年齢別人口市区町村(総数)'!J35</f>
        <v>7733</v>
      </c>
      <c r="Y23" s="19">
        <f>'[1]年齢別人口市区町村(日本人)'!K35</f>
        <v>5482</v>
      </c>
      <c r="Z23" s="19">
        <f>'[1]年齢別人口市区町村(外国人)'!K35</f>
        <v>936</v>
      </c>
      <c r="AA23" s="19">
        <f>'[1]年齢別人口市区町村(総数)'!K35</f>
        <v>6418</v>
      </c>
      <c r="AB23" s="19">
        <f>'[1]年齢別人口市区町村(日本人)'!L35</f>
        <v>5151</v>
      </c>
      <c r="AC23" s="19">
        <f>'[1]年齢別人口市区町村(外国人)'!L35</f>
        <v>819</v>
      </c>
      <c r="AD23" s="19">
        <f>'[1]年齢別人口市区町村(総数)'!L35</f>
        <v>5970</v>
      </c>
      <c r="AE23" s="19">
        <f>'[1]年齢別人口市区町村(日本人)'!M35</f>
        <v>5864</v>
      </c>
      <c r="AF23" s="19">
        <f>'[1]年齢別人口市区町村(外国人)'!M35</f>
        <v>653</v>
      </c>
      <c r="AG23" s="19">
        <f>'[1]年齢別人口市区町村(総数)'!M35</f>
        <v>6517</v>
      </c>
      <c r="AH23" s="19">
        <f>'[1]年齢別人口市区町村(日本人)'!N35</f>
        <v>6760</v>
      </c>
      <c r="AI23" s="19">
        <f>'[1]年齢別人口市区町村(外国人)'!N35</f>
        <v>449</v>
      </c>
      <c r="AJ23" s="19">
        <f>'[1]年齢別人口市区町村(総数)'!N35</f>
        <v>7209</v>
      </c>
      <c r="AK23" s="19">
        <f>'[1]年齢別人口市区町村(日本人)'!O35</f>
        <v>8150</v>
      </c>
      <c r="AL23" s="19">
        <f>'[1]年齢別人口市区町村(外国人)'!O35</f>
        <v>307</v>
      </c>
      <c r="AM23" s="19">
        <f>'[1]年齢別人口市区町村(総数)'!O35</f>
        <v>8457</v>
      </c>
      <c r="AN23" s="19">
        <f>'[1]年齢別人口市区町村(日本人)'!P35</f>
        <v>8009</v>
      </c>
      <c r="AO23" s="19">
        <f>'[1]年齢別人口市区町村(外国人)'!P35</f>
        <v>229</v>
      </c>
      <c r="AP23" s="19">
        <f>'[1]年齢別人口市区町村(総数)'!P35</f>
        <v>8238</v>
      </c>
      <c r="AQ23" s="19">
        <f>'[1]年齢別人口市区町村(日本人)'!Q35</f>
        <v>6799</v>
      </c>
      <c r="AR23" s="19">
        <f>'[1]年齢別人口市区町村(外国人)'!Q35</f>
        <v>196</v>
      </c>
      <c r="AS23" s="19">
        <f>'[1]年齢別人口市区町村(総数)'!Q35</f>
        <v>6995</v>
      </c>
      <c r="AT23" s="19">
        <f>'[1]年齢別人口市区町村(日本人)'!R35</f>
        <v>5507</v>
      </c>
      <c r="AU23" s="19">
        <f>'[1]年齢別人口市区町村(外国人)'!R35</f>
        <v>99</v>
      </c>
      <c r="AV23" s="19">
        <f>'[1]年齢別人口市区町村(総数)'!R35</f>
        <v>5606</v>
      </c>
      <c r="AW23" s="19">
        <f>'[1]年齢別人口市区町村(日本人)'!S35</f>
        <v>5393</v>
      </c>
      <c r="AX23" s="19">
        <f>'[1]年齢別人口市区町村(外国人)'!S35</f>
        <v>75</v>
      </c>
      <c r="AY23" s="19">
        <f>'[1]年齢別人口市区町村(総数)'!S35</f>
        <v>5468</v>
      </c>
      <c r="AZ23" s="19">
        <f>'[1]年齢別人口市区町村(日本人)'!T35</f>
        <v>6008</v>
      </c>
      <c r="BA23" s="19">
        <f>'[1]年齢別人口市区町村(外国人)'!T35</f>
        <v>56</v>
      </c>
      <c r="BB23" s="19">
        <f>'[1]年齢別人口市区町村(総数)'!T35</f>
        <v>6064</v>
      </c>
      <c r="BC23" s="19">
        <f>'[1]年齢別人口市区町村(日本人)'!U35</f>
        <v>3537</v>
      </c>
      <c r="BD23" s="19">
        <f>'[1]年齢別人口市区町村(外国人)'!U35</f>
        <v>26</v>
      </c>
      <c r="BE23" s="19">
        <f>'[1]年齢別人口市区町村(総数)'!U35</f>
        <v>3563</v>
      </c>
      <c r="BF23" s="19">
        <f>'[1]年齢別人口市区町村(日本人)'!V35</f>
        <v>2116</v>
      </c>
      <c r="BG23" s="19">
        <f>'[1]年齢別人口市区町村(外国人)'!V35</f>
        <v>13</v>
      </c>
      <c r="BH23" s="19">
        <f>'[1]年齢別人口市区町村(総数)'!V35</f>
        <v>2129</v>
      </c>
      <c r="BI23" s="19">
        <f>'[1]年齢別人口市区町村(日本人)'!W35</f>
        <v>930</v>
      </c>
      <c r="BJ23" s="19">
        <f>'[1]年齢別人口市区町村(外国人)'!W35</f>
        <v>6</v>
      </c>
      <c r="BK23" s="19">
        <f>'[1]年齢別人口市区町村(総数)'!W35</f>
        <v>936</v>
      </c>
      <c r="BL23" s="19">
        <f>'[1]年齢別人口市区町村(日本人)'!X35</f>
        <v>200</v>
      </c>
      <c r="BM23" s="19">
        <f>'[1]年齢別人口市区町村(外国人)'!X35</f>
        <v>0</v>
      </c>
      <c r="BN23" s="19">
        <f>'[1]年齢別人口市区町村(総数)'!X35</f>
        <v>200</v>
      </c>
      <c r="BO23" s="19">
        <f>'[1]年齢別人口市区町村(日本人)'!Y35</f>
        <v>15</v>
      </c>
      <c r="BP23" s="19">
        <f>'[1]年齢別人口市区町村(外国人)'!Y35</f>
        <v>0</v>
      </c>
      <c r="BQ23" s="60">
        <f>'[1]年齢別人口市区町村(総数)'!Y35</f>
        <v>15</v>
      </c>
    </row>
    <row r="24" spans="1:69" x14ac:dyDescent="0.15">
      <c r="A24" s="31" t="s">
        <v>38</v>
      </c>
      <c r="B24" s="21" t="s">
        <v>31</v>
      </c>
      <c r="C24" s="46"/>
      <c r="D24" s="22">
        <f>'[1]年齢別人口市区町村(日本人)'!D36</f>
        <v>93088</v>
      </c>
      <c r="E24" s="23">
        <f>'[1]年齢別人口市区町村(外国人)'!D36</f>
        <v>7601</v>
      </c>
      <c r="F24" s="24">
        <f>'[1]年齢別人口市区町村(総数)'!D36</f>
        <v>100689</v>
      </c>
      <c r="G24" s="23">
        <f>'[1]年齢別人口市区町村(日本人)'!E36</f>
        <v>2174</v>
      </c>
      <c r="H24" s="23">
        <f>'[1]年齢別人口市区町村(外国人)'!E36</f>
        <v>209</v>
      </c>
      <c r="I24" s="24">
        <f>'[1]年齢別人口市区町村(総数)'!E36</f>
        <v>2383</v>
      </c>
      <c r="J24" s="23">
        <f>'[1]年齢別人口市区町村(日本人)'!F36</f>
        <v>2738</v>
      </c>
      <c r="K24" s="23">
        <f>'[1]年齢別人口市区町村(外国人)'!F36</f>
        <v>272</v>
      </c>
      <c r="L24" s="24">
        <f>'[1]年齢別人口市区町村(総数)'!F36</f>
        <v>3010</v>
      </c>
      <c r="M24" s="23">
        <f>'[1]年齢別人口市区町村(日本人)'!G36</f>
        <v>2957</v>
      </c>
      <c r="N24" s="23">
        <f>'[1]年齢別人口市区町村(外国人)'!G36</f>
        <v>282</v>
      </c>
      <c r="O24" s="24">
        <f>'[1]年齢別人口市区町村(総数)'!G36</f>
        <v>3239</v>
      </c>
      <c r="P24" s="23">
        <f>'[1]年齢別人口市区町村(日本人)'!H36</f>
        <v>3323</v>
      </c>
      <c r="Q24" s="23">
        <f>'[1]年齢別人口市区町村(外国人)'!H36</f>
        <v>299</v>
      </c>
      <c r="R24" s="24">
        <f>'[1]年齢別人口市区町村(総数)'!H36</f>
        <v>3622</v>
      </c>
      <c r="S24" s="23">
        <f>'[1]年齢別人口市区町村(日本人)'!I36</f>
        <v>5109</v>
      </c>
      <c r="T24" s="23">
        <f>'[1]年齢別人口市区町村(外国人)'!I36</f>
        <v>749</v>
      </c>
      <c r="U24" s="24">
        <f>'[1]年齢別人口市区町村(総数)'!I36</f>
        <v>5858</v>
      </c>
      <c r="V24" s="23">
        <f>'[1]年齢別人口市区町村(日本人)'!J36</f>
        <v>6347</v>
      </c>
      <c r="W24" s="23">
        <f>'[1]年齢別人口市区町村(外国人)'!J36</f>
        <v>891</v>
      </c>
      <c r="X24" s="24">
        <f>'[1]年齢別人口市区町村(総数)'!J36</f>
        <v>7238</v>
      </c>
      <c r="Y24" s="23">
        <f>'[1]年齢別人口市区町村(日本人)'!K36</f>
        <v>5143</v>
      </c>
      <c r="Z24" s="23">
        <f>'[1]年齢別人口市区町村(外国人)'!K36</f>
        <v>816</v>
      </c>
      <c r="AA24" s="24">
        <f>'[1]年齢別人口市区町村(総数)'!K36</f>
        <v>5959</v>
      </c>
      <c r="AB24" s="23">
        <f>'[1]年齢別人口市区町村(日本人)'!L36</f>
        <v>4721</v>
      </c>
      <c r="AC24" s="23">
        <f>'[1]年齢別人口市区町村(外国人)'!L36</f>
        <v>824</v>
      </c>
      <c r="AD24" s="24">
        <f>'[1]年齢別人口市区町村(総数)'!L36</f>
        <v>5545</v>
      </c>
      <c r="AE24" s="23">
        <f>'[1]年齢別人口市区町村(日本人)'!M36</f>
        <v>5389</v>
      </c>
      <c r="AF24" s="23">
        <f>'[1]年齢別人口市区町村(外国人)'!M36</f>
        <v>765</v>
      </c>
      <c r="AG24" s="24">
        <f>'[1]年齢別人口市区町村(総数)'!M36</f>
        <v>6154</v>
      </c>
      <c r="AH24" s="23">
        <f>'[1]年齢別人口市区町村(日本人)'!N36</f>
        <v>6051</v>
      </c>
      <c r="AI24" s="23">
        <f>'[1]年齢別人口市区町村(外国人)'!N36</f>
        <v>596</v>
      </c>
      <c r="AJ24" s="24">
        <f>'[1]年齢別人口市区町村(総数)'!N36</f>
        <v>6647</v>
      </c>
      <c r="AK24" s="23">
        <f>'[1]年齢別人口市区町村(日本人)'!O36</f>
        <v>7388</v>
      </c>
      <c r="AL24" s="23">
        <f>'[1]年齢別人口市区町村(外国人)'!O36</f>
        <v>494</v>
      </c>
      <c r="AM24" s="24">
        <f>'[1]年齢別人口市区町村(総数)'!O36</f>
        <v>7882</v>
      </c>
      <c r="AN24" s="23">
        <f>'[1]年齢別人口市区町村(日本人)'!P36</f>
        <v>7006</v>
      </c>
      <c r="AO24" s="23">
        <f>'[1]年齢別人口市区町村(外国人)'!P36</f>
        <v>504</v>
      </c>
      <c r="AP24" s="24">
        <f>'[1]年齢別人口市区町村(総数)'!P36</f>
        <v>7510</v>
      </c>
      <c r="AQ24" s="23">
        <f>'[1]年齢別人口市区町村(日本人)'!Q36</f>
        <v>5962</v>
      </c>
      <c r="AR24" s="23">
        <f>'[1]年齢別人口市区町村(外国人)'!Q36</f>
        <v>347</v>
      </c>
      <c r="AS24" s="24">
        <f>'[1]年齢別人口市区町村(総数)'!Q36</f>
        <v>6309</v>
      </c>
      <c r="AT24" s="23">
        <f>'[1]年齢別人口市区町村(日本人)'!R36</f>
        <v>5150</v>
      </c>
      <c r="AU24" s="23">
        <f>'[1]年齢別人口市区町村(外国人)'!R36</f>
        <v>254</v>
      </c>
      <c r="AV24" s="24">
        <f>'[1]年齢別人口市区町村(総数)'!R36</f>
        <v>5404</v>
      </c>
      <c r="AW24" s="23">
        <f>'[1]年齢別人口市区町村(日本人)'!S36</f>
        <v>5295</v>
      </c>
      <c r="AX24" s="23">
        <f>'[1]年齢別人口市区町村(外国人)'!S36</f>
        <v>139</v>
      </c>
      <c r="AY24" s="24">
        <f>'[1]年齢別人口市区町村(総数)'!S36</f>
        <v>5434</v>
      </c>
      <c r="AZ24" s="23">
        <f>'[1]年齢別人口市区町村(日本人)'!T36</f>
        <v>6545</v>
      </c>
      <c r="BA24" s="23">
        <f>'[1]年齢別人口市区町村(外国人)'!T36</f>
        <v>68</v>
      </c>
      <c r="BB24" s="24">
        <f>'[1]年齢別人口市区町村(総数)'!T36</f>
        <v>6613</v>
      </c>
      <c r="BC24" s="23">
        <f>'[1]年齢別人口市区町村(日本人)'!U36</f>
        <v>5042</v>
      </c>
      <c r="BD24" s="23">
        <f>'[1]年齢別人口市区町村(外国人)'!U36</f>
        <v>55</v>
      </c>
      <c r="BE24" s="24">
        <f>'[1]年齢別人口市区町村(総数)'!U36</f>
        <v>5097</v>
      </c>
      <c r="BF24" s="23">
        <f>'[1]年齢別人口市区町村(日本人)'!V36</f>
        <v>3849</v>
      </c>
      <c r="BG24" s="23">
        <f>'[1]年齢別人口市区町村(外国人)'!V36</f>
        <v>27</v>
      </c>
      <c r="BH24" s="24">
        <f>'[1]年齢別人口市区町村(総数)'!V36</f>
        <v>3876</v>
      </c>
      <c r="BI24" s="23">
        <f>'[1]年齢別人口市区町村(日本人)'!W36</f>
        <v>2138</v>
      </c>
      <c r="BJ24" s="23">
        <f>'[1]年齢別人口市区町村(外国人)'!W36</f>
        <v>5</v>
      </c>
      <c r="BK24" s="24">
        <f>'[1]年齢別人口市区町村(総数)'!W36</f>
        <v>2143</v>
      </c>
      <c r="BL24" s="23">
        <f>'[1]年齢別人口市区町村(日本人)'!X36</f>
        <v>657</v>
      </c>
      <c r="BM24" s="23">
        <f>'[1]年齢別人口市区町村(外国人)'!X36</f>
        <v>3</v>
      </c>
      <c r="BN24" s="24">
        <f>'[1]年齢別人口市区町村(総数)'!X36</f>
        <v>660</v>
      </c>
      <c r="BO24" s="23">
        <f>'[1]年齢別人口市区町村(日本人)'!Y36</f>
        <v>104</v>
      </c>
      <c r="BP24" s="23">
        <f>'[1]年齢別人口市区町村(外国人)'!Y36</f>
        <v>0</v>
      </c>
      <c r="BQ24" s="61">
        <f>'[1]年齢別人口市区町村(総数)'!Y36</f>
        <v>104</v>
      </c>
    </row>
    <row r="25" spans="1:69" ht="15" thickBot="1" x14ac:dyDescent="0.2">
      <c r="A25" s="32"/>
      <c r="B25" s="25" t="s">
        <v>32</v>
      </c>
      <c r="C25" s="47"/>
      <c r="D25" s="26">
        <f>'[1]年齢別人口市区町村(日本人)'!D34</f>
        <v>186304</v>
      </c>
      <c r="E25" s="27">
        <f>'[1]年齢別人口市区町村(外国人)'!D34</f>
        <v>14553</v>
      </c>
      <c r="F25" s="28">
        <f>'[1]年齢別人口市区町村(総数)'!D34</f>
        <v>200857</v>
      </c>
      <c r="G25" s="27">
        <f>'[1]年齢別人口市区町村(日本人)'!E34</f>
        <v>4549</v>
      </c>
      <c r="H25" s="27">
        <f>'[1]年齢別人口市区町村(外国人)'!E34</f>
        <v>450</v>
      </c>
      <c r="I25" s="28">
        <f>'[1]年齢別人口市区町村(総数)'!E34</f>
        <v>4999</v>
      </c>
      <c r="J25" s="27">
        <f>'[1]年齢別人口市区町村(日本人)'!F34</f>
        <v>5359</v>
      </c>
      <c r="K25" s="27">
        <f>'[1]年齢別人口市区町村(外国人)'!F34</f>
        <v>608</v>
      </c>
      <c r="L25" s="28">
        <f>'[1]年齢別人口市区町村(総数)'!F34</f>
        <v>5967</v>
      </c>
      <c r="M25" s="27">
        <f>'[1]年齢別人口市区町村(日本人)'!G34</f>
        <v>6235</v>
      </c>
      <c r="N25" s="27">
        <f>'[1]年齢別人口市区町村(外国人)'!G34</f>
        <v>601</v>
      </c>
      <c r="O25" s="28">
        <f>'[1]年齢別人口市区町村(総数)'!G34</f>
        <v>6836</v>
      </c>
      <c r="P25" s="27">
        <f>'[1]年齢別人口市区町村(日本人)'!H34</f>
        <v>6782</v>
      </c>
      <c r="Q25" s="27">
        <f>'[1]年齢別人口市区町村(外国人)'!H34</f>
        <v>576</v>
      </c>
      <c r="R25" s="28">
        <f>'[1]年齢別人口市区町村(総数)'!H34</f>
        <v>7358</v>
      </c>
      <c r="S25" s="27">
        <f>'[1]年齢別人口市区町村(日本人)'!I34</f>
        <v>9975</v>
      </c>
      <c r="T25" s="27">
        <f>'[1]年齢別人口市区町村(外国人)'!I34</f>
        <v>1627</v>
      </c>
      <c r="U25" s="28">
        <f>'[1]年齢別人口市区町村(総数)'!I34</f>
        <v>11602</v>
      </c>
      <c r="V25" s="27">
        <f>'[1]年齢別人口市区町村(日本人)'!J34</f>
        <v>13043</v>
      </c>
      <c r="W25" s="27">
        <f>'[1]年齢別人口市区町村(外国人)'!J34</f>
        <v>1928</v>
      </c>
      <c r="X25" s="28">
        <f>'[1]年齢別人口市区町村(総数)'!J34</f>
        <v>14971</v>
      </c>
      <c r="Y25" s="27">
        <f>'[1]年齢別人口市区町村(日本人)'!K34</f>
        <v>10625</v>
      </c>
      <c r="Z25" s="27">
        <f>'[1]年齢別人口市区町村(外国人)'!K34</f>
        <v>1752</v>
      </c>
      <c r="AA25" s="28">
        <f>'[1]年齢別人口市区町村(総数)'!K34</f>
        <v>12377</v>
      </c>
      <c r="AB25" s="27">
        <f>'[1]年齢別人口市区町村(日本人)'!L34</f>
        <v>9872</v>
      </c>
      <c r="AC25" s="27">
        <f>'[1]年齢別人口市区町村(外国人)'!L34</f>
        <v>1643</v>
      </c>
      <c r="AD25" s="28">
        <f>'[1]年齢別人口市区町村(総数)'!L34</f>
        <v>11515</v>
      </c>
      <c r="AE25" s="27">
        <f>'[1]年齢別人口市区町村(日本人)'!M34</f>
        <v>11253</v>
      </c>
      <c r="AF25" s="27">
        <f>'[1]年齢別人口市区町村(外国人)'!M34</f>
        <v>1418</v>
      </c>
      <c r="AG25" s="28">
        <f>'[1]年齢別人口市区町村(総数)'!M34</f>
        <v>12671</v>
      </c>
      <c r="AH25" s="27">
        <f>'[1]年齢別人口市区町村(日本人)'!N34</f>
        <v>12811</v>
      </c>
      <c r="AI25" s="27">
        <f>'[1]年齢別人口市区町村(外国人)'!N34</f>
        <v>1045</v>
      </c>
      <c r="AJ25" s="28">
        <f>'[1]年齢別人口市区町村(総数)'!N34</f>
        <v>13856</v>
      </c>
      <c r="AK25" s="27">
        <f>'[1]年齢別人口市区町村(日本人)'!O34</f>
        <v>15538</v>
      </c>
      <c r="AL25" s="27">
        <f>'[1]年齢別人口市区町村(外国人)'!O34</f>
        <v>801</v>
      </c>
      <c r="AM25" s="28">
        <f>'[1]年齢別人口市区町村(総数)'!O34</f>
        <v>16339</v>
      </c>
      <c r="AN25" s="27">
        <f>'[1]年齢別人口市区町村(日本人)'!P34</f>
        <v>15015</v>
      </c>
      <c r="AO25" s="27">
        <f>'[1]年齢別人口市区町村(外国人)'!P34</f>
        <v>733</v>
      </c>
      <c r="AP25" s="28">
        <f>'[1]年齢別人口市区町村(総数)'!P34</f>
        <v>15748</v>
      </c>
      <c r="AQ25" s="27">
        <f>'[1]年齢別人口市区町村(日本人)'!Q34</f>
        <v>12761</v>
      </c>
      <c r="AR25" s="27">
        <f>'[1]年齢別人口市区町村(外国人)'!Q34</f>
        <v>543</v>
      </c>
      <c r="AS25" s="28">
        <f>'[1]年齢別人口市区町村(総数)'!Q34</f>
        <v>13304</v>
      </c>
      <c r="AT25" s="27">
        <f>'[1]年齢別人口市区町村(日本人)'!R34</f>
        <v>10657</v>
      </c>
      <c r="AU25" s="27">
        <f>'[1]年齢別人口市区町村(外国人)'!R34</f>
        <v>353</v>
      </c>
      <c r="AV25" s="28">
        <f>'[1]年齢別人口市区町村(総数)'!R34</f>
        <v>11010</v>
      </c>
      <c r="AW25" s="27">
        <f>'[1]年齢別人口市区町村(日本人)'!S34</f>
        <v>10688</v>
      </c>
      <c r="AX25" s="27">
        <f>'[1]年齢別人口市区町村(外国人)'!S34</f>
        <v>214</v>
      </c>
      <c r="AY25" s="28">
        <f>'[1]年齢別人口市区町村(総数)'!S34</f>
        <v>10902</v>
      </c>
      <c r="AZ25" s="27">
        <f>'[1]年齢別人口市区町村(日本人)'!T34</f>
        <v>12553</v>
      </c>
      <c r="BA25" s="27">
        <f>'[1]年齢別人口市区町村(外国人)'!T34</f>
        <v>124</v>
      </c>
      <c r="BB25" s="28">
        <f>'[1]年齢別人口市区町村(総数)'!T34</f>
        <v>12677</v>
      </c>
      <c r="BC25" s="27">
        <f>'[1]年齢別人口市区町村(日本人)'!U34</f>
        <v>8579</v>
      </c>
      <c r="BD25" s="27">
        <f>'[1]年齢別人口市区町村(外国人)'!U34</f>
        <v>81</v>
      </c>
      <c r="BE25" s="28">
        <f>'[1]年齢別人口市区町村(総数)'!U34</f>
        <v>8660</v>
      </c>
      <c r="BF25" s="27">
        <f>'[1]年齢別人口市区町村(日本人)'!V34</f>
        <v>5965</v>
      </c>
      <c r="BG25" s="27">
        <f>'[1]年齢別人口市区町村(外国人)'!V34</f>
        <v>40</v>
      </c>
      <c r="BH25" s="28">
        <f>'[1]年齢別人口市区町村(総数)'!V34</f>
        <v>6005</v>
      </c>
      <c r="BI25" s="27">
        <f>'[1]年齢別人口市区町村(日本人)'!W34</f>
        <v>3068</v>
      </c>
      <c r="BJ25" s="27">
        <f>'[1]年齢別人口市区町村(外国人)'!W34</f>
        <v>11</v>
      </c>
      <c r="BK25" s="28">
        <f>'[1]年齢別人口市区町村(総数)'!W34</f>
        <v>3079</v>
      </c>
      <c r="BL25" s="27">
        <f>'[1]年齢別人口市区町村(日本人)'!X34</f>
        <v>857</v>
      </c>
      <c r="BM25" s="27">
        <f>'[1]年齢別人口市区町村(外国人)'!X34</f>
        <v>3</v>
      </c>
      <c r="BN25" s="28">
        <f>'[1]年齢別人口市区町村(総数)'!X34</f>
        <v>860</v>
      </c>
      <c r="BO25" s="27">
        <f>'[1]年齢別人口市区町村(日本人)'!Y34</f>
        <v>119</v>
      </c>
      <c r="BP25" s="27">
        <f>'[1]年齢別人口市区町村(外国人)'!Y34</f>
        <v>0</v>
      </c>
      <c r="BQ25" s="62">
        <f>'[1]年齢別人口市区町村(総数)'!Y34</f>
        <v>119</v>
      </c>
    </row>
    <row r="26" spans="1:69" x14ac:dyDescent="0.15">
      <c r="A26" s="31"/>
      <c r="B26" s="17" t="s">
        <v>29</v>
      </c>
      <c r="C26" s="45">
        <v>141062</v>
      </c>
      <c r="D26" s="18">
        <f>'[1]年齢別人口市区町村(日本人)'!D38</f>
        <v>96516</v>
      </c>
      <c r="E26" s="19">
        <f>'[1]年齢別人口市区町村(外国人)'!D38</f>
        <v>3831</v>
      </c>
      <c r="F26" s="19">
        <f>'[1]年齢別人口市区町村(総数)'!D38</f>
        <v>100347</v>
      </c>
      <c r="G26" s="19">
        <f>'[1]年齢別人口市区町村(日本人)'!E38</f>
        <v>2838</v>
      </c>
      <c r="H26" s="19">
        <f>'[1]年齢別人口市区町村(外国人)'!E38</f>
        <v>129</v>
      </c>
      <c r="I26" s="19">
        <f>'[1]年齢別人口市区町村(総数)'!E38</f>
        <v>2967</v>
      </c>
      <c r="J26" s="19">
        <f>'[1]年齢別人口市区町村(日本人)'!F38</f>
        <v>3569</v>
      </c>
      <c r="K26" s="19">
        <f>'[1]年齢別人口市区町村(外国人)'!F38</f>
        <v>106</v>
      </c>
      <c r="L26" s="19">
        <f>'[1]年齢別人口市区町村(総数)'!F38</f>
        <v>3675</v>
      </c>
      <c r="M26" s="19">
        <f>'[1]年齢別人口市区町村(日本人)'!G38</f>
        <v>3810</v>
      </c>
      <c r="N26" s="19">
        <f>'[1]年齢別人口市区町村(外国人)'!G38</f>
        <v>103</v>
      </c>
      <c r="O26" s="19">
        <f>'[1]年齢別人口市区町村(総数)'!G38</f>
        <v>3913</v>
      </c>
      <c r="P26" s="19">
        <f>'[1]年齢別人口市区町村(日本人)'!H38</f>
        <v>4106</v>
      </c>
      <c r="Q26" s="19">
        <f>'[1]年齢別人口市区町村(外国人)'!H38</f>
        <v>96</v>
      </c>
      <c r="R26" s="19">
        <f>'[1]年齢別人口市区町村(総数)'!H38</f>
        <v>4202</v>
      </c>
      <c r="S26" s="19">
        <f>'[1]年齢別人口市区町村(日本人)'!I38</f>
        <v>5609</v>
      </c>
      <c r="T26" s="19">
        <f>'[1]年齢別人口市区町村(外国人)'!I38</f>
        <v>512</v>
      </c>
      <c r="U26" s="19">
        <f>'[1]年齢別人口市区町村(総数)'!I38</f>
        <v>6121</v>
      </c>
      <c r="V26" s="19">
        <f>'[1]年齢別人口市区町村(日本人)'!J38</f>
        <v>5905</v>
      </c>
      <c r="W26" s="19">
        <f>'[1]年齢別人口市区町村(外国人)'!J38</f>
        <v>788</v>
      </c>
      <c r="X26" s="19">
        <f>'[1]年齢別人口市区町村(総数)'!J38</f>
        <v>6693</v>
      </c>
      <c r="Y26" s="19">
        <f>'[1]年齢別人口市区町村(日本人)'!K38</f>
        <v>5388</v>
      </c>
      <c r="Z26" s="19">
        <f>'[1]年齢別人口市区町村(外国人)'!K38</f>
        <v>605</v>
      </c>
      <c r="AA26" s="19">
        <f>'[1]年齢別人口市区町村(総数)'!K38</f>
        <v>5993</v>
      </c>
      <c r="AB26" s="19">
        <f>'[1]年齢別人口市区町村(日本人)'!L38</f>
        <v>5354</v>
      </c>
      <c r="AC26" s="19">
        <f>'[1]年齢別人口市区町村(外国人)'!L38</f>
        <v>466</v>
      </c>
      <c r="AD26" s="19">
        <f>'[1]年齢別人口市区町村(総数)'!L38</f>
        <v>5820</v>
      </c>
      <c r="AE26" s="19">
        <f>'[1]年齢別人口市区町村(日本人)'!M38</f>
        <v>6053</v>
      </c>
      <c r="AF26" s="19">
        <f>'[1]年齢別人口市区町村(外国人)'!M38</f>
        <v>356</v>
      </c>
      <c r="AG26" s="19">
        <f>'[1]年齢別人口市区町村(総数)'!M38</f>
        <v>6409</v>
      </c>
      <c r="AH26" s="19">
        <f>'[1]年齢別人口市区町村(日本人)'!N38</f>
        <v>6968</v>
      </c>
      <c r="AI26" s="19">
        <f>'[1]年齢別人口市区町村(外国人)'!N38</f>
        <v>209</v>
      </c>
      <c r="AJ26" s="19">
        <f>'[1]年齢別人口市区町村(総数)'!N38</f>
        <v>7177</v>
      </c>
      <c r="AK26" s="19">
        <f>'[1]年齢別人口市区町村(日本人)'!O38</f>
        <v>8167</v>
      </c>
      <c r="AL26" s="19">
        <f>'[1]年齢別人口市区町村(外国人)'!O38</f>
        <v>143</v>
      </c>
      <c r="AM26" s="19">
        <f>'[1]年齢別人口市区町村(総数)'!O38</f>
        <v>8310</v>
      </c>
      <c r="AN26" s="19">
        <f>'[1]年齢別人口市区町村(日本人)'!P38</f>
        <v>7962</v>
      </c>
      <c r="AO26" s="19">
        <f>'[1]年齢別人口市区町村(外国人)'!P38</f>
        <v>92</v>
      </c>
      <c r="AP26" s="19">
        <f>'[1]年齢別人口市区町村(総数)'!P38</f>
        <v>8054</v>
      </c>
      <c r="AQ26" s="19">
        <f>'[1]年齢別人口市区町村(日本人)'!Q38</f>
        <v>7230</v>
      </c>
      <c r="AR26" s="19">
        <f>'[1]年齢別人口市区町村(外国人)'!Q38</f>
        <v>77</v>
      </c>
      <c r="AS26" s="19">
        <f>'[1]年齢別人口市区町村(総数)'!Q38</f>
        <v>7307</v>
      </c>
      <c r="AT26" s="19">
        <f>'[1]年齢別人口市区町村(日本人)'!R38</f>
        <v>5518</v>
      </c>
      <c r="AU26" s="19">
        <f>'[1]年齢別人口市区町村(外国人)'!R38</f>
        <v>61</v>
      </c>
      <c r="AV26" s="19">
        <f>'[1]年齢別人口市区町村(総数)'!R38</f>
        <v>5579</v>
      </c>
      <c r="AW26" s="19">
        <f>'[1]年齢別人口市区町村(日本人)'!S38</f>
        <v>5175</v>
      </c>
      <c r="AX26" s="19">
        <f>'[1]年齢別人口市区町村(外国人)'!S38</f>
        <v>38</v>
      </c>
      <c r="AY26" s="19">
        <f>'[1]年齢別人口市区町村(総数)'!S38</f>
        <v>5213</v>
      </c>
      <c r="AZ26" s="19">
        <f>'[1]年齢別人口市区町村(日本人)'!T38</f>
        <v>5580</v>
      </c>
      <c r="BA26" s="19">
        <f>'[1]年齢別人口市区町村(外国人)'!T38</f>
        <v>36</v>
      </c>
      <c r="BB26" s="19">
        <f>'[1]年齢別人口市区町村(総数)'!T38</f>
        <v>5616</v>
      </c>
      <c r="BC26" s="19">
        <f>'[1]年齢別人口市区町村(日本人)'!U38</f>
        <v>3664</v>
      </c>
      <c r="BD26" s="19">
        <f>'[1]年齢別人口市区町村(外国人)'!U38</f>
        <v>10</v>
      </c>
      <c r="BE26" s="19">
        <f>'[1]年齢別人口市区町村(総数)'!U38</f>
        <v>3674</v>
      </c>
      <c r="BF26" s="19">
        <f>'[1]年齢別人口市区町村(日本人)'!V38</f>
        <v>2374</v>
      </c>
      <c r="BG26" s="19">
        <f>'[1]年齢別人口市区町村(外国人)'!V38</f>
        <v>2</v>
      </c>
      <c r="BH26" s="19">
        <f>'[1]年齢別人口市区町村(総数)'!V38</f>
        <v>2376</v>
      </c>
      <c r="BI26" s="19">
        <f>'[1]年齢別人口市区町村(日本人)'!W38</f>
        <v>1012</v>
      </c>
      <c r="BJ26" s="19">
        <f>'[1]年齢別人口市区町村(外国人)'!W38</f>
        <v>1</v>
      </c>
      <c r="BK26" s="19">
        <f>'[1]年齢別人口市区町村(総数)'!W38</f>
        <v>1013</v>
      </c>
      <c r="BL26" s="19">
        <f>'[1]年齢別人口市区町村(日本人)'!X38</f>
        <v>215</v>
      </c>
      <c r="BM26" s="19">
        <f>'[1]年齢別人口市区町村(外国人)'!X38</f>
        <v>1</v>
      </c>
      <c r="BN26" s="19">
        <f>'[1]年齢別人口市区町村(総数)'!X38</f>
        <v>216</v>
      </c>
      <c r="BO26" s="19">
        <f>'[1]年齢別人口市区町村(日本人)'!Y38</f>
        <v>19</v>
      </c>
      <c r="BP26" s="19">
        <f>'[1]年齢別人口市区町村(外国人)'!Y38</f>
        <v>0</v>
      </c>
      <c r="BQ26" s="60">
        <f>'[1]年齢別人口市区町村(総数)'!Y38</f>
        <v>19</v>
      </c>
    </row>
    <row r="27" spans="1:69" x14ac:dyDescent="0.15">
      <c r="A27" s="31" t="s">
        <v>39</v>
      </c>
      <c r="B27" s="21" t="s">
        <v>31</v>
      </c>
      <c r="C27" s="46"/>
      <c r="D27" s="22">
        <f>'[1]年齢別人口市区町村(日本人)'!D39</f>
        <v>98801</v>
      </c>
      <c r="E27" s="23">
        <f>'[1]年齢別人口市区町村(外国人)'!D39</f>
        <v>3657</v>
      </c>
      <c r="F27" s="24">
        <f>'[1]年齢別人口市区町村(総数)'!D39</f>
        <v>102458</v>
      </c>
      <c r="G27" s="23">
        <f>'[1]年齢別人口市区町村(日本人)'!E39</f>
        <v>2811</v>
      </c>
      <c r="H27" s="23">
        <f>'[1]年齢別人口市区町村(外国人)'!E39</f>
        <v>110</v>
      </c>
      <c r="I27" s="24">
        <f>'[1]年齢別人口市区町村(総数)'!E39</f>
        <v>2921</v>
      </c>
      <c r="J27" s="23">
        <f>'[1]年齢別人口市区町村(日本人)'!F39</f>
        <v>3219</v>
      </c>
      <c r="K27" s="23">
        <f>'[1]年齢別人口市区町村(外国人)'!F39</f>
        <v>109</v>
      </c>
      <c r="L27" s="24">
        <f>'[1]年齢別人口市区町村(総数)'!F39</f>
        <v>3328</v>
      </c>
      <c r="M27" s="23">
        <f>'[1]年齢別人口市区町村(日本人)'!G39</f>
        <v>3571</v>
      </c>
      <c r="N27" s="23">
        <f>'[1]年齢別人口市区町村(外国人)'!G39</f>
        <v>87</v>
      </c>
      <c r="O27" s="24">
        <f>'[1]年齢別人口市区町村(総数)'!G39</f>
        <v>3658</v>
      </c>
      <c r="P27" s="23">
        <f>'[1]年齢別人口市区町村(日本人)'!H39</f>
        <v>3985</v>
      </c>
      <c r="Q27" s="23">
        <f>'[1]年齢別人口市区町村(外国人)'!H39</f>
        <v>93</v>
      </c>
      <c r="R27" s="24">
        <f>'[1]年齢別人口市区町村(総数)'!H39</f>
        <v>4078</v>
      </c>
      <c r="S27" s="23">
        <f>'[1]年齢別人口市区町村(日本人)'!I39</f>
        <v>4961</v>
      </c>
      <c r="T27" s="23">
        <f>'[1]年齢別人口市区町村(外国人)'!I39</f>
        <v>436</v>
      </c>
      <c r="U27" s="24">
        <f>'[1]年齢別人口市区町村(総数)'!I39</f>
        <v>5397</v>
      </c>
      <c r="V27" s="23">
        <f>'[1]年齢別人口市区町村(日本人)'!J39</f>
        <v>5574</v>
      </c>
      <c r="W27" s="23">
        <f>'[1]年齢別人口市区町村(外国人)'!J39</f>
        <v>599</v>
      </c>
      <c r="X27" s="24">
        <f>'[1]年齢別人口市区町村(総数)'!J39</f>
        <v>6173</v>
      </c>
      <c r="Y27" s="23">
        <f>'[1]年齢別人口市区町村(日本人)'!K39</f>
        <v>5004</v>
      </c>
      <c r="Z27" s="23">
        <f>'[1]年齢別人口市区町村(外国人)'!K39</f>
        <v>517</v>
      </c>
      <c r="AA27" s="24">
        <f>'[1]年齢別人口市区町村(総数)'!K39</f>
        <v>5521</v>
      </c>
      <c r="AB27" s="23">
        <f>'[1]年齢別人口市区町村(日本人)'!L39</f>
        <v>4990</v>
      </c>
      <c r="AC27" s="23">
        <f>'[1]年齢別人口市区町村(外国人)'!L39</f>
        <v>397</v>
      </c>
      <c r="AD27" s="24">
        <f>'[1]年齢別人口市区町村(総数)'!L39</f>
        <v>5387</v>
      </c>
      <c r="AE27" s="23">
        <f>'[1]年齢別人口市区町村(日本人)'!M39</f>
        <v>5740</v>
      </c>
      <c r="AF27" s="23">
        <f>'[1]年齢別人口市区町村(外国人)'!M39</f>
        <v>332</v>
      </c>
      <c r="AG27" s="24">
        <f>'[1]年齢別人口市区町村(総数)'!M39</f>
        <v>6072</v>
      </c>
      <c r="AH27" s="23">
        <f>'[1]年齢別人口市区町村(日本人)'!N39</f>
        <v>6514</v>
      </c>
      <c r="AI27" s="23">
        <f>'[1]年齢別人口市区町村(外国人)'!N39</f>
        <v>206</v>
      </c>
      <c r="AJ27" s="24">
        <f>'[1]年齢別人口市区町村(総数)'!N39</f>
        <v>6720</v>
      </c>
      <c r="AK27" s="23">
        <f>'[1]年齢別人口市区町村(日本人)'!O39</f>
        <v>7743</v>
      </c>
      <c r="AL27" s="23">
        <f>'[1]年齢別人口市区町村(外国人)'!O39</f>
        <v>192</v>
      </c>
      <c r="AM27" s="24">
        <f>'[1]年齢別人口市区町村(総数)'!O39</f>
        <v>7935</v>
      </c>
      <c r="AN27" s="23">
        <f>'[1]年齢別人口市区町村(日本人)'!P39</f>
        <v>7568</v>
      </c>
      <c r="AO27" s="23">
        <f>'[1]年齢別人口市区町村(外国人)'!P39</f>
        <v>199</v>
      </c>
      <c r="AP27" s="24">
        <f>'[1]年齢別人口市区町村(総数)'!P39</f>
        <v>7767</v>
      </c>
      <c r="AQ27" s="23">
        <f>'[1]年齢別人口市区町村(日本人)'!Q39</f>
        <v>6670</v>
      </c>
      <c r="AR27" s="23">
        <f>'[1]年齢別人口市区町村(外国人)'!Q39</f>
        <v>145</v>
      </c>
      <c r="AS27" s="24">
        <f>'[1]年齢別人口市区町村(総数)'!Q39</f>
        <v>6815</v>
      </c>
      <c r="AT27" s="23">
        <f>'[1]年齢別人口市区町村(日本人)'!R39</f>
        <v>5302</v>
      </c>
      <c r="AU27" s="23">
        <f>'[1]年齢別人口市区町村(外国人)'!R39</f>
        <v>82</v>
      </c>
      <c r="AV27" s="24">
        <f>'[1]年齢別人口市区町村(総数)'!R39</f>
        <v>5384</v>
      </c>
      <c r="AW27" s="23">
        <f>'[1]年齢別人口市区町村(日本人)'!S39</f>
        <v>5531</v>
      </c>
      <c r="AX27" s="23">
        <f>'[1]年齢別人口市区町村(外国人)'!S39</f>
        <v>67</v>
      </c>
      <c r="AY27" s="24">
        <f>'[1]年齢別人口市区町村(総数)'!S39</f>
        <v>5598</v>
      </c>
      <c r="AZ27" s="23">
        <f>'[1]年齢別人口市区町村(日本人)'!T39</f>
        <v>6822</v>
      </c>
      <c r="BA27" s="23">
        <f>'[1]年齢別人口市区町村(外国人)'!T39</f>
        <v>38</v>
      </c>
      <c r="BB27" s="24">
        <f>'[1]年齢別人口市区町村(総数)'!T39</f>
        <v>6860</v>
      </c>
      <c r="BC27" s="23">
        <f>'[1]年齢別人口市区町村(日本人)'!U39</f>
        <v>5564</v>
      </c>
      <c r="BD27" s="23">
        <f>'[1]年齢別人口市区町村(外国人)'!U39</f>
        <v>26</v>
      </c>
      <c r="BE27" s="24">
        <f>'[1]年齢別人口市区町村(総数)'!U39</f>
        <v>5590</v>
      </c>
      <c r="BF27" s="23">
        <f>'[1]年齢別人口市区町村(日本人)'!V39</f>
        <v>4048</v>
      </c>
      <c r="BG27" s="23">
        <f>'[1]年齢別人口市区町村(外国人)'!V39</f>
        <v>12</v>
      </c>
      <c r="BH27" s="24">
        <f>'[1]年齢別人口市区町村(総数)'!V39</f>
        <v>4060</v>
      </c>
      <c r="BI27" s="23">
        <f>'[1]年齢別人口市区町村(日本人)'!W39</f>
        <v>2368</v>
      </c>
      <c r="BJ27" s="23">
        <f>'[1]年齢別人口市区町村(外国人)'!W39</f>
        <v>9</v>
      </c>
      <c r="BK27" s="24">
        <f>'[1]年齢別人口市区町村(総数)'!W39</f>
        <v>2377</v>
      </c>
      <c r="BL27" s="23">
        <f>'[1]年齢別人口市区町村(日本人)'!X39</f>
        <v>717</v>
      </c>
      <c r="BM27" s="23">
        <f>'[1]年齢別人口市区町村(外国人)'!X39</f>
        <v>1</v>
      </c>
      <c r="BN27" s="24">
        <f>'[1]年齢別人口市区町村(総数)'!X39</f>
        <v>718</v>
      </c>
      <c r="BO27" s="23">
        <f>'[1]年齢別人口市区町村(日本人)'!Y39</f>
        <v>99</v>
      </c>
      <c r="BP27" s="23">
        <f>'[1]年齢別人口市区町村(外国人)'!Y39</f>
        <v>0</v>
      </c>
      <c r="BQ27" s="61">
        <f>'[1]年齢別人口市区町村(総数)'!Y39</f>
        <v>99</v>
      </c>
    </row>
    <row r="28" spans="1:69" ht="15" thickBot="1" x14ac:dyDescent="0.2">
      <c r="A28" s="32"/>
      <c r="B28" s="25" t="s">
        <v>32</v>
      </c>
      <c r="C28" s="47"/>
      <c r="D28" s="26">
        <f>'[1]年齢別人口市区町村(日本人)'!D37</f>
        <v>195317</v>
      </c>
      <c r="E28" s="27">
        <f>'[1]年齢別人口市区町村(外国人)'!D37</f>
        <v>7488</v>
      </c>
      <c r="F28" s="28">
        <f>'[1]年齢別人口市区町村(総数)'!D37</f>
        <v>202805</v>
      </c>
      <c r="G28" s="27">
        <f>'[1]年齢別人口市区町村(日本人)'!E37</f>
        <v>5649</v>
      </c>
      <c r="H28" s="27">
        <f>'[1]年齢別人口市区町村(外国人)'!E37</f>
        <v>239</v>
      </c>
      <c r="I28" s="28">
        <f>'[1]年齢別人口市区町村(総数)'!E37</f>
        <v>5888</v>
      </c>
      <c r="J28" s="27">
        <f>'[1]年齢別人口市区町村(日本人)'!F37</f>
        <v>6788</v>
      </c>
      <c r="K28" s="27">
        <f>'[1]年齢別人口市区町村(外国人)'!F37</f>
        <v>215</v>
      </c>
      <c r="L28" s="28">
        <f>'[1]年齢別人口市区町村(総数)'!F37</f>
        <v>7003</v>
      </c>
      <c r="M28" s="27">
        <f>'[1]年齢別人口市区町村(日本人)'!G37</f>
        <v>7381</v>
      </c>
      <c r="N28" s="27">
        <f>'[1]年齢別人口市区町村(外国人)'!G37</f>
        <v>190</v>
      </c>
      <c r="O28" s="28">
        <f>'[1]年齢別人口市区町村(総数)'!G37</f>
        <v>7571</v>
      </c>
      <c r="P28" s="27">
        <f>'[1]年齢別人口市区町村(日本人)'!H37</f>
        <v>8091</v>
      </c>
      <c r="Q28" s="27">
        <f>'[1]年齢別人口市区町村(外国人)'!H37</f>
        <v>189</v>
      </c>
      <c r="R28" s="28">
        <f>'[1]年齢別人口市区町村(総数)'!H37</f>
        <v>8280</v>
      </c>
      <c r="S28" s="27">
        <f>'[1]年齢別人口市区町村(日本人)'!I37</f>
        <v>10570</v>
      </c>
      <c r="T28" s="27">
        <f>'[1]年齢別人口市区町村(外国人)'!I37</f>
        <v>948</v>
      </c>
      <c r="U28" s="28">
        <f>'[1]年齢別人口市区町村(総数)'!I37</f>
        <v>11518</v>
      </c>
      <c r="V28" s="27">
        <f>'[1]年齢別人口市区町村(日本人)'!J37</f>
        <v>11479</v>
      </c>
      <c r="W28" s="27">
        <f>'[1]年齢別人口市区町村(外国人)'!J37</f>
        <v>1387</v>
      </c>
      <c r="X28" s="28">
        <f>'[1]年齢別人口市区町村(総数)'!J37</f>
        <v>12866</v>
      </c>
      <c r="Y28" s="27">
        <f>'[1]年齢別人口市区町村(日本人)'!K37</f>
        <v>10392</v>
      </c>
      <c r="Z28" s="27">
        <f>'[1]年齢別人口市区町村(外国人)'!K37</f>
        <v>1122</v>
      </c>
      <c r="AA28" s="28">
        <f>'[1]年齢別人口市区町村(総数)'!K37</f>
        <v>11514</v>
      </c>
      <c r="AB28" s="27">
        <f>'[1]年齢別人口市区町村(日本人)'!L37</f>
        <v>10344</v>
      </c>
      <c r="AC28" s="27">
        <f>'[1]年齢別人口市区町村(外国人)'!L37</f>
        <v>863</v>
      </c>
      <c r="AD28" s="28">
        <f>'[1]年齢別人口市区町村(総数)'!L37</f>
        <v>11207</v>
      </c>
      <c r="AE28" s="27">
        <f>'[1]年齢別人口市区町村(日本人)'!M37</f>
        <v>11793</v>
      </c>
      <c r="AF28" s="27">
        <f>'[1]年齢別人口市区町村(外国人)'!M37</f>
        <v>688</v>
      </c>
      <c r="AG28" s="28">
        <f>'[1]年齢別人口市区町村(総数)'!M37</f>
        <v>12481</v>
      </c>
      <c r="AH28" s="27">
        <f>'[1]年齢別人口市区町村(日本人)'!N37</f>
        <v>13482</v>
      </c>
      <c r="AI28" s="27">
        <f>'[1]年齢別人口市区町村(外国人)'!N37</f>
        <v>415</v>
      </c>
      <c r="AJ28" s="28">
        <f>'[1]年齢別人口市区町村(総数)'!N37</f>
        <v>13897</v>
      </c>
      <c r="AK28" s="27">
        <f>'[1]年齢別人口市区町村(日本人)'!O37</f>
        <v>15910</v>
      </c>
      <c r="AL28" s="27">
        <f>'[1]年齢別人口市区町村(外国人)'!O37</f>
        <v>335</v>
      </c>
      <c r="AM28" s="28">
        <f>'[1]年齢別人口市区町村(総数)'!O37</f>
        <v>16245</v>
      </c>
      <c r="AN28" s="27">
        <f>'[1]年齢別人口市区町村(日本人)'!P37</f>
        <v>15530</v>
      </c>
      <c r="AO28" s="27">
        <f>'[1]年齢別人口市区町村(外国人)'!P37</f>
        <v>291</v>
      </c>
      <c r="AP28" s="28">
        <f>'[1]年齢別人口市区町村(総数)'!P37</f>
        <v>15821</v>
      </c>
      <c r="AQ28" s="27">
        <f>'[1]年齢別人口市区町村(日本人)'!Q37</f>
        <v>13900</v>
      </c>
      <c r="AR28" s="27">
        <f>'[1]年齢別人口市区町村(外国人)'!Q37</f>
        <v>222</v>
      </c>
      <c r="AS28" s="28">
        <f>'[1]年齢別人口市区町村(総数)'!Q37</f>
        <v>14122</v>
      </c>
      <c r="AT28" s="27">
        <f>'[1]年齢別人口市区町村(日本人)'!R37</f>
        <v>10820</v>
      </c>
      <c r="AU28" s="27">
        <f>'[1]年齢別人口市区町村(外国人)'!R37</f>
        <v>143</v>
      </c>
      <c r="AV28" s="28">
        <f>'[1]年齢別人口市区町村(総数)'!R37</f>
        <v>10963</v>
      </c>
      <c r="AW28" s="27">
        <f>'[1]年齢別人口市区町村(日本人)'!S37</f>
        <v>10706</v>
      </c>
      <c r="AX28" s="27">
        <f>'[1]年齢別人口市区町村(外国人)'!S37</f>
        <v>105</v>
      </c>
      <c r="AY28" s="28">
        <f>'[1]年齢別人口市区町村(総数)'!S37</f>
        <v>10811</v>
      </c>
      <c r="AZ28" s="27">
        <f>'[1]年齢別人口市区町村(日本人)'!T37</f>
        <v>12402</v>
      </c>
      <c r="BA28" s="27">
        <f>'[1]年齢別人口市区町村(外国人)'!T37</f>
        <v>74</v>
      </c>
      <c r="BB28" s="28">
        <f>'[1]年齢別人口市区町村(総数)'!T37</f>
        <v>12476</v>
      </c>
      <c r="BC28" s="27">
        <f>'[1]年齢別人口市区町村(日本人)'!U37</f>
        <v>9228</v>
      </c>
      <c r="BD28" s="27">
        <f>'[1]年齢別人口市区町村(外国人)'!U37</f>
        <v>36</v>
      </c>
      <c r="BE28" s="28">
        <f>'[1]年齢別人口市区町村(総数)'!U37</f>
        <v>9264</v>
      </c>
      <c r="BF28" s="27">
        <f>'[1]年齢別人口市区町村(日本人)'!V37</f>
        <v>6422</v>
      </c>
      <c r="BG28" s="27">
        <f>'[1]年齢別人口市区町村(外国人)'!V37</f>
        <v>14</v>
      </c>
      <c r="BH28" s="28">
        <f>'[1]年齢別人口市区町村(総数)'!V37</f>
        <v>6436</v>
      </c>
      <c r="BI28" s="27">
        <f>'[1]年齢別人口市区町村(日本人)'!W37</f>
        <v>3380</v>
      </c>
      <c r="BJ28" s="27">
        <f>'[1]年齢別人口市区町村(外国人)'!W37</f>
        <v>10</v>
      </c>
      <c r="BK28" s="28">
        <f>'[1]年齢別人口市区町村(総数)'!W37</f>
        <v>3390</v>
      </c>
      <c r="BL28" s="27">
        <f>'[1]年齢別人口市区町村(日本人)'!X37</f>
        <v>932</v>
      </c>
      <c r="BM28" s="27">
        <f>'[1]年齢別人口市区町村(外国人)'!X37</f>
        <v>2</v>
      </c>
      <c r="BN28" s="28">
        <f>'[1]年齢別人口市区町村(総数)'!X37</f>
        <v>934</v>
      </c>
      <c r="BO28" s="27">
        <f>'[1]年齢別人口市区町村(日本人)'!Y37</f>
        <v>118</v>
      </c>
      <c r="BP28" s="27">
        <f>'[1]年齢別人口市区町村(外国人)'!Y37</f>
        <v>0</v>
      </c>
      <c r="BQ28" s="62">
        <f>'[1]年齢別人口市区町村(総数)'!Y37</f>
        <v>118</v>
      </c>
    </row>
    <row r="29" spans="1:69" x14ac:dyDescent="0.15">
      <c r="A29" s="31"/>
      <c r="B29" s="17" t="s">
        <v>29</v>
      </c>
      <c r="C29" s="45">
        <v>141071</v>
      </c>
      <c r="D29" s="18">
        <f>'[1]年齢別人口市区町村(日本人)'!D41</f>
        <v>77665</v>
      </c>
      <c r="E29" s="19">
        <f>'[1]年齢別人口市区町村(外国人)'!D41</f>
        <v>3473</v>
      </c>
      <c r="F29" s="19">
        <f>'[1]年齢別人口市区町村(総数)'!D41</f>
        <v>81138</v>
      </c>
      <c r="G29" s="19">
        <f>'[1]年齢別人口市区町村(日本人)'!E41</f>
        <v>2296</v>
      </c>
      <c r="H29" s="19">
        <f>'[1]年齢別人口市区町村(外国人)'!E41</f>
        <v>148</v>
      </c>
      <c r="I29" s="19">
        <f>'[1]年齢別人口市区町村(総数)'!E41</f>
        <v>2444</v>
      </c>
      <c r="J29" s="19">
        <f>'[1]年齢別人口市区町村(日本人)'!F41</f>
        <v>2804</v>
      </c>
      <c r="K29" s="19">
        <f>'[1]年齢別人口市区町村(外国人)'!F41</f>
        <v>196</v>
      </c>
      <c r="L29" s="19">
        <f>'[1]年齢別人口市区町村(総数)'!F41</f>
        <v>3000</v>
      </c>
      <c r="M29" s="19">
        <f>'[1]年齢別人口市区町村(日本人)'!G41</f>
        <v>3393</v>
      </c>
      <c r="N29" s="19">
        <f>'[1]年齢別人口市区町村(外国人)'!G41</f>
        <v>194</v>
      </c>
      <c r="O29" s="19">
        <f>'[1]年齢別人口市区町村(総数)'!G41</f>
        <v>3587</v>
      </c>
      <c r="P29" s="19">
        <f>'[1]年齢別人口市区町村(日本人)'!H41</f>
        <v>3463</v>
      </c>
      <c r="Q29" s="19">
        <f>'[1]年齢別人口市区町村(外国人)'!H41</f>
        <v>158</v>
      </c>
      <c r="R29" s="19">
        <f>'[1]年齢別人口市区町村(総数)'!H41</f>
        <v>3621</v>
      </c>
      <c r="S29" s="19">
        <f>'[1]年齢別人口市区町村(日本人)'!I41</f>
        <v>3654</v>
      </c>
      <c r="T29" s="19">
        <f>'[1]年齢別人口市区町村(外国人)'!I41</f>
        <v>313</v>
      </c>
      <c r="U29" s="19">
        <f>'[1]年齢別人口市区町村(総数)'!I41</f>
        <v>3967</v>
      </c>
      <c r="V29" s="19">
        <f>'[1]年齢別人口市区町村(日本人)'!J41</f>
        <v>4062</v>
      </c>
      <c r="W29" s="19">
        <f>'[1]年齢別人口市区町村(外国人)'!J41</f>
        <v>439</v>
      </c>
      <c r="X29" s="19">
        <f>'[1]年齢別人口市区町村(総数)'!J41</f>
        <v>4501</v>
      </c>
      <c r="Y29" s="19">
        <f>'[1]年齢別人口市区町村(日本人)'!K41</f>
        <v>3972</v>
      </c>
      <c r="Z29" s="19">
        <f>'[1]年齢別人口市区町村(外国人)'!K41</f>
        <v>430</v>
      </c>
      <c r="AA29" s="19">
        <f>'[1]年齢別人口市区町村(総数)'!K41</f>
        <v>4402</v>
      </c>
      <c r="AB29" s="19">
        <f>'[1]年齢別人口市区町村(日本人)'!L41</f>
        <v>4233</v>
      </c>
      <c r="AC29" s="19">
        <f>'[1]年齢別人口市区町村(外国人)'!L41</f>
        <v>439</v>
      </c>
      <c r="AD29" s="19">
        <f>'[1]年齢別人口市区町村(総数)'!L41</f>
        <v>4672</v>
      </c>
      <c r="AE29" s="19">
        <f>'[1]年齢別人口市区町村(日本人)'!M41</f>
        <v>5093</v>
      </c>
      <c r="AF29" s="19">
        <f>'[1]年齢別人口市区町村(外国人)'!M41</f>
        <v>338</v>
      </c>
      <c r="AG29" s="19">
        <f>'[1]年齢別人口市区町村(総数)'!M41</f>
        <v>5431</v>
      </c>
      <c r="AH29" s="19">
        <f>'[1]年齢別人口市区町村(日本人)'!N41</f>
        <v>5742</v>
      </c>
      <c r="AI29" s="19">
        <f>'[1]年齢別人口市区町村(外国人)'!N41</f>
        <v>247</v>
      </c>
      <c r="AJ29" s="19">
        <f>'[1]年齢別人口市区町村(総数)'!N41</f>
        <v>5989</v>
      </c>
      <c r="AK29" s="19">
        <f>'[1]年齢別人口市区町村(日本人)'!O41</f>
        <v>6966</v>
      </c>
      <c r="AL29" s="19">
        <f>'[1]年齢別人口市区町村(外国人)'!O41</f>
        <v>172</v>
      </c>
      <c r="AM29" s="19">
        <f>'[1]年齢別人口市区町村(総数)'!O41</f>
        <v>7138</v>
      </c>
      <c r="AN29" s="19">
        <f>'[1]年齢別人口市区町村(日本人)'!P41</f>
        <v>6340</v>
      </c>
      <c r="AO29" s="19">
        <f>'[1]年齢別人口市区町村(外国人)'!P41</f>
        <v>141</v>
      </c>
      <c r="AP29" s="19">
        <f>'[1]年齢別人口市区町村(総数)'!P41</f>
        <v>6481</v>
      </c>
      <c r="AQ29" s="19">
        <f>'[1]年齢別人口市区町村(日本人)'!Q41</f>
        <v>5553</v>
      </c>
      <c r="AR29" s="19">
        <f>'[1]年齢別人口市区町村(外国人)'!Q41</f>
        <v>102</v>
      </c>
      <c r="AS29" s="19">
        <f>'[1]年齢別人口市区町村(総数)'!Q41</f>
        <v>5655</v>
      </c>
      <c r="AT29" s="19">
        <f>'[1]年齢別人口市区町村(日本人)'!R41</f>
        <v>4516</v>
      </c>
      <c r="AU29" s="19">
        <f>'[1]年齢別人口市区町村(外国人)'!R41</f>
        <v>56</v>
      </c>
      <c r="AV29" s="19">
        <f>'[1]年齢別人口市区町村(総数)'!R41</f>
        <v>4572</v>
      </c>
      <c r="AW29" s="19">
        <f>'[1]年齢別人口市区町村(日本人)'!S41</f>
        <v>4416</v>
      </c>
      <c r="AX29" s="19">
        <f>'[1]年齢別人口市区町村(外国人)'!S41</f>
        <v>44</v>
      </c>
      <c r="AY29" s="19">
        <f>'[1]年齢別人口市区町村(総数)'!S41</f>
        <v>4460</v>
      </c>
      <c r="AZ29" s="19">
        <f>'[1]年齢別人口市区町村(日本人)'!T41</f>
        <v>4934</v>
      </c>
      <c r="BA29" s="19">
        <f>'[1]年齢別人口市区町村(外国人)'!T41</f>
        <v>27</v>
      </c>
      <c r="BB29" s="19">
        <f>'[1]年齢別人口市区町村(総数)'!T41</f>
        <v>4961</v>
      </c>
      <c r="BC29" s="19">
        <f>'[1]年齢別人口市区町村(日本人)'!U41</f>
        <v>3296</v>
      </c>
      <c r="BD29" s="19">
        <f>'[1]年齢別人口市区町村(外国人)'!U41</f>
        <v>21</v>
      </c>
      <c r="BE29" s="19">
        <f>'[1]年齢別人口市区町村(総数)'!U41</f>
        <v>3317</v>
      </c>
      <c r="BF29" s="19">
        <f>'[1]年齢別人口市区町村(日本人)'!V41</f>
        <v>1893</v>
      </c>
      <c r="BG29" s="19">
        <f>'[1]年齢別人口市区町村(外国人)'!V41</f>
        <v>5</v>
      </c>
      <c r="BH29" s="19">
        <f>'[1]年齢別人口市区町村(総数)'!V41</f>
        <v>1898</v>
      </c>
      <c r="BI29" s="19">
        <f>'[1]年齢別人口市区町村(日本人)'!W41</f>
        <v>854</v>
      </c>
      <c r="BJ29" s="19">
        <f>'[1]年齢別人口市区町村(外国人)'!W41</f>
        <v>2</v>
      </c>
      <c r="BK29" s="19">
        <f>'[1]年齢別人口市区町村(総数)'!W41</f>
        <v>856</v>
      </c>
      <c r="BL29" s="19">
        <f>'[1]年齢別人口市区町村(日本人)'!X41</f>
        <v>168</v>
      </c>
      <c r="BM29" s="19">
        <f>'[1]年齢別人口市区町村(外国人)'!X41</f>
        <v>1</v>
      </c>
      <c r="BN29" s="19">
        <f>'[1]年齢別人口市区町村(総数)'!X41</f>
        <v>169</v>
      </c>
      <c r="BO29" s="19">
        <f>'[1]年齢別人口市区町村(日本人)'!Y41</f>
        <v>17</v>
      </c>
      <c r="BP29" s="19">
        <f>'[1]年齢別人口市区町村(外国人)'!Y41</f>
        <v>0</v>
      </c>
      <c r="BQ29" s="60">
        <f>'[1]年齢別人口市区町村(総数)'!Y41</f>
        <v>17</v>
      </c>
    </row>
    <row r="30" spans="1:69" x14ac:dyDescent="0.15">
      <c r="A30" s="31" t="s">
        <v>40</v>
      </c>
      <c r="B30" s="21" t="s">
        <v>31</v>
      </c>
      <c r="C30" s="46"/>
      <c r="D30" s="22">
        <f>'[1]年齢別人口市区町村(日本人)'!D42</f>
        <v>80064</v>
      </c>
      <c r="E30" s="23">
        <f>'[1]年齢別人口市区町村(外国人)'!D42</f>
        <v>3522</v>
      </c>
      <c r="F30" s="24">
        <f>'[1]年齢別人口市区町村(総数)'!D42</f>
        <v>83586</v>
      </c>
      <c r="G30" s="23">
        <f>'[1]年齢別人口市区町村(日本人)'!E42</f>
        <v>2196</v>
      </c>
      <c r="H30" s="23">
        <f>'[1]年齢別人口市区町村(外国人)'!E42</f>
        <v>121</v>
      </c>
      <c r="I30" s="24">
        <f>'[1]年齢別人口市区町村(総数)'!E42</f>
        <v>2317</v>
      </c>
      <c r="J30" s="23">
        <f>'[1]年齢別人口市区町村(日本人)'!F42</f>
        <v>2764</v>
      </c>
      <c r="K30" s="23">
        <f>'[1]年齢別人口市区町村(外国人)'!F42</f>
        <v>136</v>
      </c>
      <c r="L30" s="24">
        <f>'[1]年齢別人口市区町村(総数)'!F42</f>
        <v>2900</v>
      </c>
      <c r="M30" s="23">
        <f>'[1]年齢別人口市区町村(日本人)'!G42</f>
        <v>3108</v>
      </c>
      <c r="N30" s="23">
        <f>'[1]年齢別人口市区町村(外国人)'!G42</f>
        <v>157</v>
      </c>
      <c r="O30" s="24">
        <f>'[1]年齢別人口市区町村(総数)'!G42</f>
        <v>3265</v>
      </c>
      <c r="P30" s="23">
        <f>'[1]年齢別人口市区町村(日本人)'!H42</f>
        <v>3266</v>
      </c>
      <c r="Q30" s="23">
        <f>'[1]年齢別人口市区町村(外国人)'!H42</f>
        <v>105</v>
      </c>
      <c r="R30" s="24">
        <f>'[1]年齢別人口市区町村(総数)'!H42</f>
        <v>3371</v>
      </c>
      <c r="S30" s="23">
        <f>'[1]年齢別人口市区町村(日本人)'!I42</f>
        <v>3480</v>
      </c>
      <c r="T30" s="23">
        <f>'[1]年齢別人口市区町村(外国人)'!I42</f>
        <v>222</v>
      </c>
      <c r="U30" s="24">
        <f>'[1]年齢別人口市区町村(総数)'!I42</f>
        <v>3702</v>
      </c>
      <c r="V30" s="23">
        <f>'[1]年齢別人口市区町村(日本人)'!J42</f>
        <v>3773</v>
      </c>
      <c r="W30" s="23">
        <f>'[1]年齢別人口市区町村(外国人)'!J42</f>
        <v>368</v>
      </c>
      <c r="X30" s="24">
        <f>'[1]年齢別人口市区町村(総数)'!J42</f>
        <v>4141</v>
      </c>
      <c r="Y30" s="23">
        <f>'[1]年齢別人口市区町村(日本人)'!K42</f>
        <v>3560</v>
      </c>
      <c r="Z30" s="23">
        <f>'[1]年齢別人口市区町村(外国人)'!K42</f>
        <v>369</v>
      </c>
      <c r="AA30" s="24">
        <f>'[1]年齢別人口市区町村(総数)'!K42</f>
        <v>3929</v>
      </c>
      <c r="AB30" s="23">
        <f>'[1]年齢別人口市区町村(日本人)'!L42</f>
        <v>3917</v>
      </c>
      <c r="AC30" s="23">
        <f>'[1]年齢別人口市区町村(外国人)'!L42</f>
        <v>431</v>
      </c>
      <c r="AD30" s="24">
        <f>'[1]年齢別人口市区町村(総数)'!L42</f>
        <v>4348</v>
      </c>
      <c r="AE30" s="23">
        <f>'[1]年齢別人口市区町村(日本人)'!M42</f>
        <v>4734</v>
      </c>
      <c r="AF30" s="23">
        <f>'[1]年齢別人口市区町村(外国人)'!M42</f>
        <v>390</v>
      </c>
      <c r="AG30" s="24">
        <f>'[1]年齢別人口市区町村(総数)'!M42</f>
        <v>5124</v>
      </c>
      <c r="AH30" s="23">
        <f>'[1]年齢別人口市区町村(日本人)'!N42</f>
        <v>5408</v>
      </c>
      <c r="AI30" s="23">
        <f>'[1]年齢別人口市区町村(外国人)'!N42</f>
        <v>295</v>
      </c>
      <c r="AJ30" s="24">
        <f>'[1]年齢別人口市区町村(総数)'!N42</f>
        <v>5703</v>
      </c>
      <c r="AK30" s="23">
        <f>'[1]年齢別人口市区町村(日本人)'!O42</f>
        <v>6545</v>
      </c>
      <c r="AL30" s="23">
        <f>'[1]年齢別人口市区町村(外国人)'!O42</f>
        <v>254</v>
      </c>
      <c r="AM30" s="24">
        <f>'[1]年齢別人口市区町村(総数)'!O42</f>
        <v>6799</v>
      </c>
      <c r="AN30" s="23">
        <f>'[1]年齢別人口市区町村(日本人)'!P42</f>
        <v>5967</v>
      </c>
      <c r="AO30" s="23">
        <f>'[1]年齢別人口市区町村(外国人)'!P42</f>
        <v>223</v>
      </c>
      <c r="AP30" s="24">
        <f>'[1]年齢別人口市区町村(総数)'!P42</f>
        <v>6190</v>
      </c>
      <c r="AQ30" s="23">
        <f>'[1]年齢別人口市区町村(日本人)'!Q42</f>
        <v>5373</v>
      </c>
      <c r="AR30" s="23">
        <f>'[1]年齢別人口市区町村(外国人)'!Q42</f>
        <v>160</v>
      </c>
      <c r="AS30" s="24">
        <f>'[1]年齢別人口市区町村(総数)'!Q42</f>
        <v>5533</v>
      </c>
      <c r="AT30" s="23">
        <f>'[1]年齢別人口市区町村(日本人)'!R42</f>
        <v>4579</v>
      </c>
      <c r="AU30" s="23">
        <f>'[1]年齢別人口市区町村(外国人)'!R42</f>
        <v>120</v>
      </c>
      <c r="AV30" s="24">
        <f>'[1]年齢別人口市区町村(総数)'!R42</f>
        <v>4699</v>
      </c>
      <c r="AW30" s="23">
        <f>'[1]年齢別人口市区町村(日本人)'!S42</f>
        <v>4857</v>
      </c>
      <c r="AX30" s="23">
        <f>'[1]年齢別人口市区町村(外国人)'!S42</f>
        <v>65</v>
      </c>
      <c r="AY30" s="24">
        <f>'[1]年齢別人口市区町村(総数)'!S42</f>
        <v>4922</v>
      </c>
      <c r="AZ30" s="23">
        <f>'[1]年齢別人口市区町村(日本人)'!T42</f>
        <v>5917</v>
      </c>
      <c r="BA30" s="23">
        <f>'[1]年齢別人口市区町村(外国人)'!T42</f>
        <v>57</v>
      </c>
      <c r="BB30" s="24">
        <f>'[1]年齢別人口市区町村(総数)'!T42</f>
        <v>5974</v>
      </c>
      <c r="BC30" s="23">
        <f>'[1]年齢別人口市区町村(日本人)'!U42</f>
        <v>4731</v>
      </c>
      <c r="BD30" s="23">
        <f>'[1]年齢別人口市区町村(外国人)'!U42</f>
        <v>23</v>
      </c>
      <c r="BE30" s="24">
        <f>'[1]年齢別人口市区町村(総数)'!U42</f>
        <v>4754</v>
      </c>
      <c r="BF30" s="23">
        <f>'[1]年齢別人口市区町村(日本人)'!V42</f>
        <v>3329</v>
      </c>
      <c r="BG30" s="23">
        <f>'[1]年齢別人口市区町村(外国人)'!V42</f>
        <v>15</v>
      </c>
      <c r="BH30" s="24">
        <f>'[1]年齢別人口市区町村(総数)'!V42</f>
        <v>3344</v>
      </c>
      <c r="BI30" s="23">
        <f>'[1]年齢別人口市区町村(日本人)'!W42</f>
        <v>1919</v>
      </c>
      <c r="BJ30" s="23">
        <f>'[1]年齢別人口市区町村(外国人)'!W42</f>
        <v>7</v>
      </c>
      <c r="BK30" s="24">
        <f>'[1]年齢別人口市区町村(総数)'!W42</f>
        <v>1926</v>
      </c>
      <c r="BL30" s="23">
        <f>'[1]年齢別人口市区町村(日本人)'!X42</f>
        <v>562</v>
      </c>
      <c r="BM30" s="23">
        <f>'[1]年齢別人口市区町村(外国人)'!X42</f>
        <v>3</v>
      </c>
      <c r="BN30" s="24">
        <f>'[1]年齢別人口市区町村(総数)'!X42</f>
        <v>565</v>
      </c>
      <c r="BO30" s="23">
        <f>'[1]年齢別人口市区町村(日本人)'!Y42</f>
        <v>79</v>
      </c>
      <c r="BP30" s="23">
        <f>'[1]年齢別人口市区町村(外国人)'!Y42</f>
        <v>0</v>
      </c>
      <c r="BQ30" s="61">
        <f>'[1]年齢別人口市区町村(総数)'!Y42</f>
        <v>79</v>
      </c>
    </row>
    <row r="31" spans="1:69" ht="15" thickBot="1" x14ac:dyDescent="0.2">
      <c r="A31" s="32"/>
      <c r="B31" s="25" t="s">
        <v>32</v>
      </c>
      <c r="C31" s="47"/>
      <c r="D31" s="26">
        <f>'[1]年齢別人口市区町村(日本人)'!D40</f>
        <v>157729</v>
      </c>
      <c r="E31" s="27">
        <f>'[1]年齢別人口市区町村(外国人)'!D40</f>
        <v>6995</v>
      </c>
      <c r="F31" s="28">
        <f>'[1]年齢別人口市区町村(総数)'!D40</f>
        <v>164724</v>
      </c>
      <c r="G31" s="27">
        <f>'[1]年齢別人口市区町村(日本人)'!E40</f>
        <v>4492</v>
      </c>
      <c r="H31" s="27">
        <f>'[1]年齢別人口市区町村(外国人)'!E40</f>
        <v>269</v>
      </c>
      <c r="I31" s="28">
        <f>'[1]年齢別人口市区町村(総数)'!E40</f>
        <v>4761</v>
      </c>
      <c r="J31" s="27">
        <f>'[1]年齢別人口市区町村(日本人)'!F40</f>
        <v>5568</v>
      </c>
      <c r="K31" s="27">
        <f>'[1]年齢別人口市区町村(外国人)'!F40</f>
        <v>332</v>
      </c>
      <c r="L31" s="28">
        <f>'[1]年齢別人口市区町村(総数)'!F40</f>
        <v>5900</v>
      </c>
      <c r="M31" s="27">
        <f>'[1]年齢別人口市区町村(日本人)'!G40</f>
        <v>6501</v>
      </c>
      <c r="N31" s="27">
        <f>'[1]年齢別人口市区町村(外国人)'!G40</f>
        <v>351</v>
      </c>
      <c r="O31" s="28">
        <f>'[1]年齢別人口市区町村(総数)'!G40</f>
        <v>6852</v>
      </c>
      <c r="P31" s="27">
        <f>'[1]年齢別人口市区町村(日本人)'!H40</f>
        <v>6729</v>
      </c>
      <c r="Q31" s="27">
        <f>'[1]年齢別人口市区町村(外国人)'!H40</f>
        <v>263</v>
      </c>
      <c r="R31" s="28">
        <f>'[1]年齢別人口市区町村(総数)'!H40</f>
        <v>6992</v>
      </c>
      <c r="S31" s="27">
        <f>'[1]年齢別人口市区町村(日本人)'!I40</f>
        <v>7134</v>
      </c>
      <c r="T31" s="27">
        <f>'[1]年齢別人口市区町村(外国人)'!I40</f>
        <v>535</v>
      </c>
      <c r="U31" s="28">
        <f>'[1]年齢別人口市区町村(総数)'!I40</f>
        <v>7669</v>
      </c>
      <c r="V31" s="27">
        <f>'[1]年齢別人口市区町村(日本人)'!J40</f>
        <v>7835</v>
      </c>
      <c r="W31" s="27">
        <f>'[1]年齢別人口市区町村(外国人)'!J40</f>
        <v>807</v>
      </c>
      <c r="X31" s="28">
        <f>'[1]年齢別人口市区町村(総数)'!J40</f>
        <v>8642</v>
      </c>
      <c r="Y31" s="27">
        <f>'[1]年齢別人口市区町村(日本人)'!K40</f>
        <v>7532</v>
      </c>
      <c r="Z31" s="27">
        <f>'[1]年齢別人口市区町村(外国人)'!K40</f>
        <v>799</v>
      </c>
      <c r="AA31" s="28">
        <f>'[1]年齢別人口市区町村(総数)'!K40</f>
        <v>8331</v>
      </c>
      <c r="AB31" s="27">
        <f>'[1]年齢別人口市区町村(日本人)'!L40</f>
        <v>8150</v>
      </c>
      <c r="AC31" s="27">
        <f>'[1]年齢別人口市区町村(外国人)'!L40</f>
        <v>870</v>
      </c>
      <c r="AD31" s="28">
        <f>'[1]年齢別人口市区町村(総数)'!L40</f>
        <v>9020</v>
      </c>
      <c r="AE31" s="27">
        <f>'[1]年齢別人口市区町村(日本人)'!M40</f>
        <v>9827</v>
      </c>
      <c r="AF31" s="27">
        <f>'[1]年齢別人口市区町村(外国人)'!M40</f>
        <v>728</v>
      </c>
      <c r="AG31" s="28">
        <f>'[1]年齢別人口市区町村(総数)'!M40</f>
        <v>10555</v>
      </c>
      <c r="AH31" s="27">
        <f>'[1]年齢別人口市区町村(日本人)'!N40</f>
        <v>11150</v>
      </c>
      <c r="AI31" s="27">
        <f>'[1]年齢別人口市区町村(外国人)'!N40</f>
        <v>542</v>
      </c>
      <c r="AJ31" s="28">
        <f>'[1]年齢別人口市区町村(総数)'!N40</f>
        <v>11692</v>
      </c>
      <c r="AK31" s="27">
        <f>'[1]年齢別人口市区町村(日本人)'!O40</f>
        <v>13511</v>
      </c>
      <c r="AL31" s="27">
        <f>'[1]年齢別人口市区町村(外国人)'!O40</f>
        <v>426</v>
      </c>
      <c r="AM31" s="28">
        <f>'[1]年齢別人口市区町村(総数)'!O40</f>
        <v>13937</v>
      </c>
      <c r="AN31" s="27">
        <f>'[1]年齢別人口市区町村(日本人)'!P40</f>
        <v>12307</v>
      </c>
      <c r="AO31" s="27">
        <f>'[1]年齢別人口市区町村(外国人)'!P40</f>
        <v>364</v>
      </c>
      <c r="AP31" s="28">
        <f>'[1]年齢別人口市区町村(総数)'!P40</f>
        <v>12671</v>
      </c>
      <c r="AQ31" s="27">
        <f>'[1]年齢別人口市区町村(日本人)'!Q40</f>
        <v>10926</v>
      </c>
      <c r="AR31" s="27">
        <f>'[1]年齢別人口市区町村(外国人)'!Q40</f>
        <v>262</v>
      </c>
      <c r="AS31" s="28">
        <f>'[1]年齢別人口市区町村(総数)'!Q40</f>
        <v>11188</v>
      </c>
      <c r="AT31" s="27">
        <f>'[1]年齢別人口市区町村(日本人)'!R40</f>
        <v>9095</v>
      </c>
      <c r="AU31" s="27">
        <f>'[1]年齢別人口市区町村(外国人)'!R40</f>
        <v>176</v>
      </c>
      <c r="AV31" s="28">
        <f>'[1]年齢別人口市区町村(総数)'!R40</f>
        <v>9271</v>
      </c>
      <c r="AW31" s="27">
        <f>'[1]年齢別人口市区町村(日本人)'!S40</f>
        <v>9273</v>
      </c>
      <c r="AX31" s="27">
        <f>'[1]年齢別人口市区町村(外国人)'!S40</f>
        <v>109</v>
      </c>
      <c r="AY31" s="28">
        <f>'[1]年齢別人口市区町村(総数)'!S40</f>
        <v>9382</v>
      </c>
      <c r="AZ31" s="27">
        <f>'[1]年齢別人口市区町村(日本人)'!T40</f>
        <v>10851</v>
      </c>
      <c r="BA31" s="27">
        <f>'[1]年齢別人口市区町村(外国人)'!T40</f>
        <v>84</v>
      </c>
      <c r="BB31" s="28">
        <f>'[1]年齢別人口市区町村(総数)'!T40</f>
        <v>10935</v>
      </c>
      <c r="BC31" s="27">
        <f>'[1]年齢別人口市区町村(日本人)'!U40</f>
        <v>8027</v>
      </c>
      <c r="BD31" s="27">
        <f>'[1]年齢別人口市区町村(外国人)'!U40</f>
        <v>44</v>
      </c>
      <c r="BE31" s="28">
        <f>'[1]年齢別人口市区町村(総数)'!U40</f>
        <v>8071</v>
      </c>
      <c r="BF31" s="27">
        <f>'[1]年齢別人口市区町村(日本人)'!V40</f>
        <v>5222</v>
      </c>
      <c r="BG31" s="27">
        <f>'[1]年齢別人口市区町村(外国人)'!V40</f>
        <v>20</v>
      </c>
      <c r="BH31" s="28">
        <f>'[1]年齢別人口市区町村(総数)'!V40</f>
        <v>5242</v>
      </c>
      <c r="BI31" s="27">
        <f>'[1]年齢別人口市区町村(日本人)'!W40</f>
        <v>2773</v>
      </c>
      <c r="BJ31" s="27">
        <f>'[1]年齢別人口市区町村(外国人)'!W40</f>
        <v>9</v>
      </c>
      <c r="BK31" s="28">
        <f>'[1]年齢別人口市区町村(総数)'!W40</f>
        <v>2782</v>
      </c>
      <c r="BL31" s="27">
        <f>'[1]年齢別人口市区町村(日本人)'!X40</f>
        <v>730</v>
      </c>
      <c r="BM31" s="27">
        <f>'[1]年齢別人口市区町村(外国人)'!X40</f>
        <v>4</v>
      </c>
      <c r="BN31" s="28">
        <f>'[1]年齢別人口市区町村(総数)'!X40</f>
        <v>734</v>
      </c>
      <c r="BO31" s="27">
        <f>'[1]年齢別人口市区町村(日本人)'!Y40</f>
        <v>96</v>
      </c>
      <c r="BP31" s="27">
        <f>'[1]年齢別人口市区町村(外国人)'!Y40</f>
        <v>0</v>
      </c>
      <c r="BQ31" s="62">
        <f>'[1]年齢別人口市区町村(総数)'!Y40</f>
        <v>96</v>
      </c>
    </row>
    <row r="32" spans="1:69" x14ac:dyDescent="0.15">
      <c r="A32" s="31"/>
      <c r="B32" s="17" t="s">
        <v>29</v>
      </c>
      <c r="C32" s="45">
        <v>141089</v>
      </c>
      <c r="D32" s="18">
        <f>'[1]年齢別人口市区町村(日本人)'!D44</f>
        <v>91043</v>
      </c>
      <c r="E32" s="19">
        <f>'[1]年齢別人口市区町村(外国人)'!D44</f>
        <v>2174</v>
      </c>
      <c r="F32" s="19">
        <f>'[1]年齢別人口市区町村(総数)'!D44</f>
        <v>93217</v>
      </c>
      <c r="G32" s="19">
        <f>'[1]年齢別人口市区町村(日本人)'!E44</f>
        <v>2400</v>
      </c>
      <c r="H32" s="19">
        <f>'[1]年齢別人口市区町村(外国人)'!E44</f>
        <v>75</v>
      </c>
      <c r="I32" s="19">
        <f>'[1]年齢別人口市区町村(総数)'!E44</f>
        <v>2475</v>
      </c>
      <c r="J32" s="19">
        <f>'[1]年齢別人口市区町村(日本人)'!F44</f>
        <v>3144</v>
      </c>
      <c r="K32" s="19">
        <f>'[1]年齢別人口市区町村(外国人)'!F44</f>
        <v>79</v>
      </c>
      <c r="L32" s="19">
        <f>'[1]年齢別人口市区町村(総数)'!F44</f>
        <v>3223</v>
      </c>
      <c r="M32" s="19">
        <f>'[1]年齢別人口市区町村(日本人)'!G44</f>
        <v>3779</v>
      </c>
      <c r="N32" s="19">
        <f>'[1]年齢別人口市区町村(外国人)'!G44</f>
        <v>62</v>
      </c>
      <c r="O32" s="19">
        <f>'[1]年齢別人口市区町村(総数)'!G44</f>
        <v>3841</v>
      </c>
      <c r="P32" s="19">
        <f>'[1]年齢別人口市区町村(日本人)'!H44</f>
        <v>4350</v>
      </c>
      <c r="Q32" s="19">
        <f>'[1]年齢別人口市区町村(外国人)'!H44</f>
        <v>62</v>
      </c>
      <c r="R32" s="19">
        <f>'[1]年齢別人口市区町村(総数)'!H44</f>
        <v>4412</v>
      </c>
      <c r="S32" s="19">
        <f>'[1]年齢別人口市区町村(日本人)'!I44</f>
        <v>4933</v>
      </c>
      <c r="T32" s="19">
        <f>'[1]年齢別人口市区町村(外国人)'!I44</f>
        <v>260</v>
      </c>
      <c r="U32" s="19">
        <f>'[1]年齢別人口市区町村(総数)'!I44</f>
        <v>5193</v>
      </c>
      <c r="V32" s="19">
        <f>'[1]年齢別人口市区町村(日本人)'!J44</f>
        <v>4417</v>
      </c>
      <c r="W32" s="19">
        <f>'[1]年齢別人口市区町村(外国人)'!J44</f>
        <v>380</v>
      </c>
      <c r="X32" s="19">
        <f>'[1]年齢別人口市区町村(総数)'!J44</f>
        <v>4797</v>
      </c>
      <c r="Y32" s="19">
        <f>'[1]年齢別人口市区町村(日本人)'!K44</f>
        <v>3970</v>
      </c>
      <c r="Z32" s="19">
        <f>'[1]年齢別人口市区町村(外国人)'!K44</f>
        <v>341</v>
      </c>
      <c r="AA32" s="19">
        <f>'[1]年齢別人口市区町村(総数)'!K44</f>
        <v>4311</v>
      </c>
      <c r="AB32" s="19">
        <f>'[1]年齢別人口市区町村(日本人)'!L44</f>
        <v>4510</v>
      </c>
      <c r="AC32" s="19">
        <f>'[1]年齢別人口市区町村(外国人)'!L44</f>
        <v>221</v>
      </c>
      <c r="AD32" s="19">
        <f>'[1]年齢別人口市区町村(総数)'!L44</f>
        <v>4731</v>
      </c>
      <c r="AE32" s="19">
        <f>'[1]年齢別人口市区町村(日本人)'!M44</f>
        <v>5329</v>
      </c>
      <c r="AF32" s="19">
        <f>'[1]年齢別人口市区町村(外国人)'!M44</f>
        <v>172</v>
      </c>
      <c r="AG32" s="19">
        <f>'[1]年齢別人口市区町村(総数)'!M44</f>
        <v>5501</v>
      </c>
      <c r="AH32" s="19">
        <f>'[1]年齢別人口市区町村(日本人)'!N44</f>
        <v>6127</v>
      </c>
      <c r="AI32" s="19">
        <f>'[1]年齢別人口市区町村(外国人)'!N44</f>
        <v>124</v>
      </c>
      <c r="AJ32" s="19">
        <f>'[1]年齢別人口市区町村(総数)'!N44</f>
        <v>6251</v>
      </c>
      <c r="AK32" s="19">
        <f>'[1]年齢別人口市区町村(日本人)'!O44</f>
        <v>7829</v>
      </c>
      <c r="AL32" s="19">
        <f>'[1]年齢別人口市区町村(外国人)'!O44</f>
        <v>118</v>
      </c>
      <c r="AM32" s="19">
        <f>'[1]年齢別人口市区町村(総数)'!O44</f>
        <v>7947</v>
      </c>
      <c r="AN32" s="19">
        <f>'[1]年齢別人口市区町村(日本人)'!P44</f>
        <v>7232</v>
      </c>
      <c r="AO32" s="19">
        <f>'[1]年齢別人口市区町村(外国人)'!P44</f>
        <v>95</v>
      </c>
      <c r="AP32" s="19">
        <f>'[1]年齢別人口市区町村(総数)'!P44</f>
        <v>7327</v>
      </c>
      <c r="AQ32" s="19">
        <f>'[1]年齢別人口市区町村(日本人)'!Q44</f>
        <v>6463</v>
      </c>
      <c r="AR32" s="19">
        <f>'[1]年齢別人口市区町村(外国人)'!Q44</f>
        <v>67</v>
      </c>
      <c r="AS32" s="19">
        <f>'[1]年齢別人口市区町村(総数)'!Q44</f>
        <v>6530</v>
      </c>
      <c r="AT32" s="19">
        <f>'[1]年齢別人口市区町村(日本人)'!R44</f>
        <v>5436</v>
      </c>
      <c r="AU32" s="19">
        <f>'[1]年齢別人口市区町村(外国人)'!R44</f>
        <v>39</v>
      </c>
      <c r="AV32" s="19">
        <f>'[1]年齢別人口市区町村(総数)'!R44</f>
        <v>5475</v>
      </c>
      <c r="AW32" s="19">
        <f>'[1]年齢別人口市区町村(日本人)'!S44</f>
        <v>5941</v>
      </c>
      <c r="AX32" s="19">
        <f>'[1]年齢別人口市区町村(外国人)'!S44</f>
        <v>33</v>
      </c>
      <c r="AY32" s="19">
        <f>'[1]年齢別人口市区町村(総数)'!S44</f>
        <v>5974</v>
      </c>
      <c r="AZ32" s="19">
        <f>'[1]年齢別人口市区町村(日本人)'!T44</f>
        <v>6643</v>
      </c>
      <c r="BA32" s="19">
        <f>'[1]年齢別人口市区町村(外国人)'!T44</f>
        <v>21</v>
      </c>
      <c r="BB32" s="19">
        <f>'[1]年齢別人口市区町村(総数)'!T44</f>
        <v>6664</v>
      </c>
      <c r="BC32" s="19">
        <f>'[1]年齢別人口市区町村(日本人)'!U44</f>
        <v>4514</v>
      </c>
      <c r="BD32" s="19">
        <f>'[1]年齢別人口市区町村(外国人)'!U44</f>
        <v>13</v>
      </c>
      <c r="BE32" s="19">
        <f>'[1]年齢別人口市区町村(総数)'!U44</f>
        <v>4527</v>
      </c>
      <c r="BF32" s="19">
        <f>'[1]年齢別人口市区町村(日本人)'!V44</f>
        <v>2679</v>
      </c>
      <c r="BG32" s="19">
        <f>'[1]年齢別人口市区町村(外国人)'!V44</f>
        <v>10</v>
      </c>
      <c r="BH32" s="19">
        <f>'[1]年齢別人口市区町村(総数)'!V44</f>
        <v>2689</v>
      </c>
      <c r="BI32" s="19">
        <f>'[1]年齢別人口市区町村(日本人)'!W44</f>
        <v>1106</v>
      </c>
      <c r="BJ32" s="19">
        <f>'[1]年齢別人口市区町村(外国人)'!W44</f>
        <v>2</v>
      </c>
      <c r="BK32" s="19">
        <f>'[1]年齢別人口市区町村(総数)'!W44</f>
        <v>1108</v>
      </c>
      <c r="BL32" s="19">
        <f>'[1]年齢別人口市区町村(日本人)'!X44</f>
        <v>219</v>
      </c>
      <c r="BM32" s="19">
        <f>'[1]年齢別人口市区町村(外国人)'!X44</f>
        <v>0</v>
      </c>
      <c r="BN32" s="19">
        <f>'[1]年齢別人口市区町村(総数)'!X44</f>
        <v>219</v>
      </c>
      <c r="BO32" s="19">
        <f>'[1]年齢別人口市区町村(日本人)'!Y44</f>
        <v>22</v>
      </c>
      <c r="BP32" s="19">
        <f>'[1]年齢別人口市区町村(外国人)'!Y44</f>
        <v>0</v>
      </c>
      <c r="BQ32" s="60">
        <f>'[1]年齢別人口市区町村(総数)'!Y44</f>
        <v>22</v>
      </c>
    </row>
    <row r="33" spans="1:69" x14ac:dyDescent="0.15">
      <c r="A33" s="31" t="s">
        <v>41</v>
      </c>
      <c r="B33" s="21" t="s">
        <v>31</v>
      </c>
      <c r="C33" s="46"/>
      <c r="D33" s="22">
        <f>'[1]年齢別人口市区町村(日本人)'!D45</f>
        <v>95443</v>
      </c>
      <c r="E33" s="23">
        <f>'[1]年齢別人口市区町村(外国人)'!D45</f>
        <v>2311</v>
      </c>
      <c r="F33" s="24">
        <f>'[1]年齢別人口市区町村(総数)'!D45</f>
        <v>97754</v>
      </c>
      <c r="G33" s="23">
        <f>'[1]年齢別人口市区町村(日本人)'!E45</f>
        <v>2205</v>
      </c>
      <c r="H33" s="23">
        <f>'[1]年齢別人口市区町村(外国人)'!E45</f>
        <v>68</v>
      </c>
      <c r="I33" s="24">
        <f>'[1]年齢別人口市区町村(総数)'!E45</f>
        <v>2273</v>
      </c>
      <c r="J33" s="23">
        <f>'[1]年齢別人口市区町村(日本人)'!F45</f>
        <v>3035</v>
      </c>
      <c r="K33" s="23">
        <f>'[1]年齢別人口市区町村(外国人)'!F45</f>
        <v>58</v>
      </c>
      <c r="L33" s="24">
        <f>'[1]年齢別人口市区町村(総数)'!F45</f>
        <v>3093</v>
      </c>
      <c r="M33" s="23">
        <f>'[1]年齢別人口市区町村(日本人)'!G45</f>
        <v>3618</v>
      </c>
      <c r="N33" s="23">
        <f>'[1]年齢別人口市区町村(外国人)'!G45</f>
        <v>64</v>
      </c>
      <c r="O33" s="24">
        <f>'[1]年齢別人口市区町村(総数)'!G45</f>
        <v>3682</v>
      </c>
      <c r="P33" s="23">
        <f>'[1]年齢別人口市区町村(日本人)'!H45</f>
        <v>4170</v>
      </c>
      <c r="Q33" s="23">
        <f>'[1]年齢別人口市区町村(外国人)'!H45</f>
        <v>75</v>
      </c>
      <c r="R33" s="24">
        <f>'[1]年齢別人口市区町村(総数)'!H45</f>
        <v>4245</v>
      </c>
      <c r="S33" s="23">
        <f>'[1]年齢別人口市区町村(日本人)'!I45</f>
        <v>4659</v>
      </c>
      <c r="T33" s="23">
        <f>'[1]年齢別人口市区町村(外国人)'!I45</f>
        <v>289</v>
      </c>
      <c r="U33" s="24">
        <f>'[1]年齢別人口市区町村(総数)'!I45</f>
        <v>4948</v>
      </c>
      <c r="V33" s="23">
        <f>'[1]年齢別人口市区町村(日本人)'!J45</f>
        <v>4038</v>
      </c>
      <c r="W33" s="23">
        <f>'[1]年齢別人口市区町村(外国人)'!J45</f>
        <v>387</v>
      </c>
      <c r="X33" s="24">
        <f>'[1]年齢別人口市区町村(総数)'!J45</f>
        <v>4425</v>
      </c>
      <c r="Y33" s="23">
        <f>'[1]年齢別人口市区町村(日本人)'!K45</f>
        <v>3689</v>
      </c>
      <c r="Z33" s="23">
        <f>'[1]年齢別人口市区町村(外国人)'!K45</f>
        <v>273</v>
      </c>
      <c r="AA33" s="24">
        <f>'[1]年齢別人口市区町村(総数)'!K45</f>
        <v>3962</v>
      </c>
      <c r="AB33" s="23">
        <f>'[1]年齢別人口市区町村(日本人)'!L45</f>
        <v>4153</v>
      </c>
      <c r="AC33" s="23">
        <f>'[1]年齢別人口市区町村(外国人)'!L45</f>
        <v>188</v>
      </c>
      <c r="AD33" s="24">
        <f>'[1]年齢別人口市区町村(総数)'!L45</f>
        <v>4341</v>
      </c>
      <c r="AE33" s="23">
        <f>'[1]年齢別人口市区町村(日本人)'!M45</f>
        <v>5027</v>
      </c>
      <c r="AF33" s="23">
        <f>'[1]年齢別人口市区町村(外国人)'!M45</f>
        <v>187</v>
      </c>
      <c r="AG33" s="24">
        <f>'[1]年齢別人口市区町村(総数)'!M45</f>
        <v>5214</v>
      </c>
      <c r="AH33" s="23">
        <f>'[1]年齢別人口市区町村(日本人)'!N45</f>
        <v>6145</v>
      </c>
      <c r="AI33" s="23">
        <f>'[1]年齢別人口市区町村(外国人)'!N45</f>
        <v>158</v>
      </c>
      <c r="AJ33" s="24">
        <f>'[1]年齢別人口市区町村(総数)'!N45</f>
        <v>6303</v>
      </c>
      <c r="AK33" s="23">
        <f>'[1]年齢別人口市区町村(日本人)'!O45</f>
        <v>7689</v>
      </c>
      <c r="AL33" s="23">
        <f>'[1]年齢別人口市区町村(外国人)'!O45</f>
        <v>161</v>
      </c>
      <c r="AM33" s="24">
        <f>'[1]年齢別人口市区町村(総数)'!O45</f>
        <v>7850</v>
      </c>
      <c r="AN33" s="23">
        <f>'[1]年齢別人口市区町村(日本人)'!P45</f>
        <v>7189</v>
      </c>
      <c r="AO33" s="23">
        <f>'[1]年齢別人口市区町村(外国人)'!P45</f>
        <v>151</v>
      </c>
      <c r="AP33" s="24">
        <f>'[1]年齢別人口市区町村(総数)'!P45</f>
        <v>7340</v>
      </c>
      <c r="AQ33" s="23">
        <f>'[1]年齢別人口市区町村(日本人)'!Q45</f>
        <v>6542</v>
      </c>
      <c r="AR33" s="23">
        <f>'[1]年齢別人口市区町村(外国人)'!Q45</f>
        <v>98</v>
      </c>
      <c r="AS33" s="24">
        <f>'[1]年齢別人口市区町村(総数)'!Q45</f>
        <v>6640</v>
      </c>
      <c r="AT33" s="23">
        <f>'[1]年齢別人口市区町村(日本人)'!R45</f>
        <v>5758</v>
      </c>
      <c r="AU33" s="23">
        <f>'[1]年齢別人口市区町村(外国人)'!R45</f>
        <v>63</v>
      </c>
      <c r="AV33" s="24">
        <f>'[1]年齢別人口市区町村(総数)'!R45</f>
        <v>5821</v>
      </c>
      <c r="AW33" s="23">
        <f>'[1]年齢別人口市区町村(日本人)'!S45</f>
        <v>6510</v>
      </c>
      <c r="AX33" s="23">
        <f>'[1]年齢別人口市区町村(外国人)'!S45</f>
        <v>44</v>
      </c>
      <c r="AY33" s="24">
        <f>'[1]年齢別人口市区町村(総数)'!S45</f>
        <v>6554</v>
      </c>
      <c r="AZ33" s="23">
        <f>'[1]年齢別人口市区町村(日本人)'!T45</f>
        <v>7970</v>
      </c>
      <c r="BA33" s="23">
        <f>'[1]年齢別人口市区町村(外国人)'!T45</f>
        <v>20</v>
      </c>
      <c r="BB33" s="24">
        <f>'[1]年齢別人口市区町村(総数)'!T45</f>
        <v>7990</v>
      </c>
      <c r="BC33" s="23">
        <f>'[1]年齢別人口市区町村(日本人)'!U45</f>
        <v>5900</v>
      </c>
      <c r="BD33" s="23">
        <f>'[1]年齢別人口市区町村(外国人)'!U45</f>
        <v>17</v>
      </c>
      <c r="BE33" s="24">
        <f>'[1]年齢別人口市区町村(総数)'!U45</f>
        <v>5917</v>
      </c>
      <c r="BF33" s="23">
        <f>'[1]年齢別人口市区町村(日本人)'!V45</f>
        <v>4001</v>
      </c>
      <c r="BG33" s="23">
        <f>'[1]年齢別人口市区町村(外国人)'!V45</f>
        <v>7</v>
      </c>
      <c r="BH33" s="24">
        <f>'[1]年齢別人口市区町村(総数)'!V45</f>
        <v>4008</v>
      </c>
      <c r="BI33" s="23">
        <f>'[1]年齢別人口市区町村(日本人)'!W45</f>
        <v>2254</v>
      </c>
      <c r="BJ33" s="23">
        <f>'[1]年齢別人口市区町村(外国人)'!W45</f>
        <v>2</v>
      </c>
      <c r="BK33" s="24">
        <f>'[1]年齢別人口市区町村(総数)'!W45</f>
        <v>2256</v>
      </c>
      <c r="BL33" s="23">
        <f>'[1]年齢別人口市区町村(日本人)'!X45</f>
        <v>751</v>
      </c>
      <c r="BM33" s="23">
        <f>'[1]年齢別人口市区町村(外国人)'!X45</f>
        <v>0</v>
      </c>
      <c r="BN33" s="24">
        <f>'[1]年齢別人口市区町村(総数)'!X45</f>
        <v>751</v>
      </c>
      <c r="BO33" s="23">
        <f>'[1]年齢別人口市区町村(日本人)'!Y45</f>
        <v>140</v>
      </c>
      <c r="BP33" s="23">
        <f>'[1]年齢別人口市区町村(外国人)'!Y45</f>
        <v>0</v>
      </c>
      <c r="BQ33" s="61">
        <f>'[1]年齢別人口市区町村(総数)'!Y45</f>
        <v>140</v>
      </c>
    </row>
    <row r="34" spans="1:69" ht="15" thickBot="1" x14ac:dyDescent="0.2">
      <c r="A34" s="32"/>
      <c r="B34" s="25" t="s">
        <v>32</v>
      </c>
      <c r="C34" s="47"/>
      <c r="D34" s="26">
        <f>'[1]年齢別人口市区町村(日本人)'!D43</f>
        <v>186486</v>
      </c>
      <c r="E34" s="27">
        <f>'[1]年齢別人口市区町村(外国人)'!D43</f>
        <v>4485</v>
      </c>
      <c r="F34" s="28">
        <f>'[1]年齢別人口市区町村(総数)'!D43</f>
        <v>190971</v>
      </c>
      <c r="G34" s="27">
        <f>'[1]年齢別人口市区町村(日本人)'!E43</f>
        <v>4605</v>
      </c>
      <c r="H34" s="27">
        <f>'[1]年齢別人口市区町村(外国人)'!E43</f>
        <v>143</v>
      </c>
      <c r="I34" s="28">
        <f>'[1]年齢別人口市区町村(総数)'!E43</f>
        <v>4748</v>
      </c>
      <c r="J34" s="27">
        <f>'[1]年齢別人口市区町村(日本人)'!F43</f>
        <v>6179</v>
      </c>
      <c r="K34" s="27">
        <f>'[1]年齢別人口市区町村(外国人)'!F43</f>
        <v>137</v>
      </c>
      <c r="L34" s="28">
        <f>'[1]年齢別人口市区町村(総数)'!F43</f>
        <v>6316</v>
      </c>
      <c r="M34" s="27">
        <f>'[1]年齢別人口市区町村(日本人)'!G43</f>
        <v>7397</v>
      </c>
      <c r="N34" s="27">
        <f>'[1]年齢別人口市区町村(外国人)'!G43</f>
        <v>126</v>
      </c>
      <c r="O34" s="28">
        <f>'[1]年齢別人口市区町村(総数)'!G43</f>
        <v>7523</v>
      </c>
      <c r="P34" s="27">
        <f>'[1]年齢別人口市区町村(日本人)'!H43</f>
        <v>8520</v>
      </c>
      <c r="Q34" s="27">
        <f>'[1]年齢別人口市区町村(外国人)'!H43</f>
        <v>137</v>
      </c>
      <c r="R34" s="28">
        <f>'[1]年齢別人口市区町村(総数)'!H43</f>
        <v>8657</v>
      </c>
      <c r="S34" s="27">
        <f>'[1]年齢別人口市区町村(日本人)'!I43</f>
        <v>9592</v>
      </c>
      <c r="T34" s="27">
        <f>'[1]年齢別人口市区町村(外国人)'!I43</f>
        <v>549</v>
      </c>
      <c r="U34" s="28">
        <f>'[1]年齢別人口市区町村(総数)'!I43</f>
        <v>10141</v>
      </c>
      <c r="V34" s="27">
        <f>'[1]年齢別人口市区町村(日本人)'!J43</f>
        <v>8455</v>
      </c>
      <c r="W34" s="27">
        <f>'[1]年齢別人口市区町村(外国人)'!J43</f>
        <v>767</v>
      </c>
      <c r="X34" s="28">
        <f>'[1]年齢別人口市区町村(総数)'!J43</f>
        <v>9222</v>
      </c>
      <c r="Y34" s="27">
        <f>'[1]年齢別人口市区町村(日本人)'!K43</f>
        <v>7659</v>
      </c>
      <c r="Z34" s="27">
        <f>'[1]年齢別人口市区町村(外国人)'!K43</f>
        <v>614</v>
      </c>
      <c r="AA34" s="28">
        <f>'[1]年齢別人口市区町村(総数)'!K43</f>
        <v>8273</v>
      </c>
      <c r="AB34" s="27">
        <f>'[1]年齢別人口市区町村(日本人)'!L43</f>
        <v>8663</v>
      </c>
      <c r="AC34" s="27">
        <f>'[1]年齢別人口市区町村(外国人)'!L43</f>
        <v>409</v>
      </c>
      <c r="AD34" s="28">
        <f>'[1]年齢別人口市区町村(総数)'!L43</f>
        <v>9072</v>
      </c>
      <c r="AE34" s="27">
        <f>'[1]年齢別人口市区町村(日本人)'!M43</f>
        <v>10356</v>
      </c>
      <c r="AF34" s="27">
        <f>'[1]年齢別人口市区町村(外国人)'!M43</f>
        <v>359</v>
      </c>
      <c r="AG34" s="28">
        <f>'[1]年齢別人口市区町村(総数)'!M43</f>
        <v>10715</v>
      </c>
      <c r="AH34" s="27">
        <f>'[1]年齢別人口市区町村(日本人)'!N43</f>
        <v>12272</v>
      </c>
      <c r="AI34" s="27">
        <f>'[1]年齢別人口市区町村(外国人)'!N43</f>
        <v>282</v>
      </c>
      <c r="AJ34" s="28">
        <f>'[1]年齢別人口市区町村(総数)'!N43</f>
        <v>12554</v>
      </c>
      <c r="AK34" s="27">
        <f>'[1]年齢別人口市区町村(日本人)'!O43</f>
        <v>15518</v>
      </c>
      <c r="AL34" s="27">
        <f>'[1]年齢別人口市区町村(外国人)'!O43</f>
        <v>279</v>
      </c>
      <c r="AM34" s="28">
        <f>'[1]年齢別人口市区町村(総数)'!O43</f>
        <v>15797</v>
      </c>
      <c r="AN34" s="27">
        <f>'[1]年齢別人口市区町村(日本人)'!P43</f>
        <v>14421</v>
      </c>
      <c r="AO34" s="27">
        <f>'[1]年齢別人口市区町村(外国人)'!P43</f>
        <v>246</v>
      </c>
      <c r="AP34" s="28">
        <f>'[1]年齢別人口市区町村(総数)'!P43</f>
        <v>14667</v>
      </c>
      <c r="AQ34" s="27">
        <f>'[1]年齢別人口市区町村(日本人)'!Q43</f>
        <v>13005</v>
      </c>
      <c r="AR34" s="27">
        <f>'[1]年齢別人口市区町村(外国人)'!Q43</f>
        <v>165</v>
      </c>
      <c r="AS34" s="28">
        <f>'[1]年齢別人口市区町村(総数)'!Q43</f>
        <v>13170</v>
      </c>
      <c r="AT34" s="27">
        <f>'[1]年齢別人口市区町村(日本人)'!R43</f>
        <v>11194</v>
      </c>
      <c r="AU34" s="27">
        <f>'[1]年齢別人口市区町村(外国人)'!R43</f>
        <v>102</v>
      </c>
      <c r="AV34" s="28">
        <f>'[1]年齢別人口市区町村(総数)'!R43</f>
        <v>11296</v>
      </c>
      <c r="AW34" s="27">
        <f>'[1]年齢別人口市区町村(日本人)'!S43</f>
        <v>12451</v>
      </c>
      <c r="AX34" s="27">
        <f>'[1]年齢別人口市区町村(外国人)'!S43</f>
        <v>77</v>
      </c>
      <c r="AY34" s="28">
        <f>'[1]年齢別人口市区町村(総数)'!S43</f>
        <v>12528</v>
      </c>
      <c r="AZ34" s="27">
        <f>'[1]年齢別人口市区町村(日本人)'!T43</f>
        <v>14613</v>
      </c>
      <c r="BA34" s="27">
        <f>'[1]年齢別人口市区町村(外国人)'!T43</f>
        <v>41</v>
      </c>
      <c r="BB34" s="28">
        <f>'[1]年齢別人口市区町村(総数)'!T43</f>
        <v>14654</v>
      </c>
      <c r="BC34" s="27">
        <f>'[1]年齢別人口市区町村(日本人)'!U43</f>
        <v>10414</v>
      </c>
      <c r="BD34" s="27">
        <f>'[1]年齢別人口市区町村(外国人)'!U43</f>
        <v>30</v>
      </c>
      <c r="BE34" s="28">
        <f>'[1]年齢別人口市区町村(総数)'!U43</f>
        <v>10444</v>
      </c>
      <c r="BF34" s="27">
        <f>'[1]年齢別人口市区町村(日本人)'!V43</f>
        <v>6680</v>
      </c>
      <c r="BG34" s="27">
        <f>'[1]年齢別人口市区町村(外国人)'!V43</f>
        <v>17</v>
      </c>
      <c r="BH34" s="28">
        <f>'[1]年齢別人口市区町村(総数)'!V43</f>
        <v>6697</v>
      </c>
      <c r="BI34" s="27">
        <f>'[1]年齢別人口市区町村(日本人)'!W43</f>
        <v>3360</v>
      </c>
      <c r="BJ34" s="27">
        <f>'[1]年齢別人口市区町村(外国人)'!W43</f>
        <v>4</v>
      </c>
      <c r="BK34" s="28">
        <f>'[1]年齢別人口市区町村(総数)'!W43</f>
        <v>3364</v>
      </c>
      <c r="BL34" s="27">
        <f>'[1]年齢別人口市区町村(日本人)'!X43</f>
        <v>970</v>
      </c>
      <c r="BM34" s="27">
        <f>'[1]年齢別人口市区町村(外国人)'!X43</f>
        <v>0</v>
      </c>
      <c r="BN34" s="28">
        <f>'[1]年齢別人口市区町村(総数)'!X43</f>
        <v>970</v>
      </c>
      <c r="BO34" s="27">
        <f>'[1]年齢別人口市区町村(日本人)'!Y43</f>
        <v>162</v>
      </c>
      <c r="BP34" s="27">
        <f>'[1]年齢別人口市区町村(外国人)'!Y43</f>
        <v>0</v>
      </c>
      <c r="BQ34" s="62">
        <f>'[1]年齢別人口市区町村(総数)'!Y43</f>
        <v>162</v>
      </c>
    </row>
    <row r="35" spans="1:69" x14ac:dyDescent="0.15">
      <c r="A35" s="31"/>
      <c r="B35" s="17" t="s">
        <v>29</v>
      </c>
      <c r="C35" s="45">
        <v>141097</v>
      </c>
      <c r="D35" s="18">
        <f>'[1]年齢別人口市区町村(日本人)'!D47</f>
        <v>173882</v>
      </c>
      <c r="E35" s="19">
        <f>'[1]年齢別人口市区町村(外国人)'!D47</f>
        <v>4996</v>
      </c>
      <c r="F35" s="19">
        <f>'[1]年齢別人口市区町村(総数)'!D47</f>
        <v>178878</v>
      </c>
      <c r="G35" s="19">
        <f>'[1]年齢別人口市区町村(日本人)'!E47</f>
        <v>6742</v>
      </c>
      <c r="H35" s="19">
        <f>'[1]年齢別人口市区町村(外国人)'!E47</f>
        <v>129</v>
      </c>
      <c r="I35" s="19">
        <f>'[1]年齢別人口市区町村(総数)'!E47</f>
        <v>6871</v>
      </c>
      <c r="J35" s="19">
        <f>'[1]年齢別人口市区町村(日本人)'!F47</f>
        <v>7249</v>
      </c>
      <c r="K35" s="19">
        <f>'[1]年齢別人口市区町村(外国人)'!F47</f>
        <v>114</v>
      </c>
      <c r="L35" s="19">
        <f>'[1]年齢別人口市区町村(総数)'!F47</f>
        <v>7363</v>
      </c>
      <c r="M35" s="19">
        <f>'[1]年齢別人口市区町村(日本人)'!G47</f>
        <v>7594</v>
      </c>
      <c r="N35" s="19">
        <f>'[1]年齢別人口市区町村(外国人)'!G47</f>
        <v>99</v>
      </c>
      <c r="O35" s="19">
        <f>'[1]年齢別人口市区町村(総数)'!G47</f>
        <v>7693</v>
      </c>
      <c r="P35" s="19">
        <f>'[1]年齢別人口市区町村(日本人)'!H47</f>
        <v>7276</v>
      </c>
      <c r="Q35" s="19">
        <f>'[1]年齢別人口市区町村(外国人)'!H47</f>
        <v>112</v>
      </c>
      <c r="R35" s="19">
        <f>'[1]年齢別人口市区町村(総数)'!H47</f>
        <v>7388</v>
      </c>
      <c r="S35" s="19">
        <f>'[1]年齢別人口市区町村(日本人)'!I47</f>
        <v>9219</v>
      </c>
      <c r="T35" s="19">
        <f>'[1]年齢別人口市区町村(外国人)'!I47</f>
        <v>672</v>
      </c>
      <c r="U35" s="19">
        <f>'[1]年齢別人口市区町村(総数)'!I47</f>
        <v>9891</v>
      </c>
      <c r="V35" s="19">
        <f>'[1]年齢別人口市区町村(日本人)'!J47</f>
        <v>13051</v>
      </c>
      <c r="W35" s="19">
        <f>'[1]年齢別人口市区町村(外国人)'!J47</f>
        <v>971</v>
      </c>
      <c r="X35" s="19">
        <f>'[1]年齢別人口市区町村(総数)'!J47</f>
        <v>14022</v>
      </c>
      <c r="Y35" s="19">
        <f>'[1]年齢別人口市区町村(日本人)'!K47</f>
        <v>12802</v>
      </c>
      <c r="Z35" s="19">
        <f>'[1]年齢別人口市区町村(外国人)'!K47</f>
        <v>856</v>
      </c>
      <c r="AA35" s="19">
        <f>'[1]年齢別人口市区町村(総数)'!K47</f>
        <v>13658</v>
      </c>
      <c r="AB35" s="19">
        <f>'[1]年齢別人口市区町村(日本人)'!L47</f>
        <v>11566</v>
      </c>
      <c r="AC35" s="19">
        <f>'[1]年齢別人口市区町村(外国人)'!L47</f>
        <v>624</v>
      </c>
      <c r="AD35" s="19">
        <f>'[1]年齢別人口市区町村(総数)'!L47</f>
        <v>12190</v>
      </c>
      <c r="AE35" s="19">
        <f>'[1]年齢別人口市区町村(日本人)'!M47</f>
        <v>12748</v>
      </c>
      <c r="AF35" s="19">
        <f>'[1]年齢別人口市区町村(外国人)'!M47</f>
        <v>423</v>
      </c>
      <c r="AG35" s="19">
        <f>'[1]年齢別人口市区町村(総数)'!M47</f>
        <v>13171</v>
      </c>
      <c r="AH35" s="19">
        <f>'[1]年齢別人口市区町村(日本人)'!N47</f>
        <v>13608</v>
      </c>
      <c r="AI35" s="19">
        <f>'[1]年齢別人口市区町村(外国人)'!N47</f>
        <v>270</v>
      </c>
      <c r="AJ35" s="19">
        <f>'[1]年齢別人口市区町村(総数)'!N47</f>
        <v>13878</v>
      </c>
      <c r="AK35" s="19">
        <f>'[1]年齢別人口市区町村(日本人)'!O47</f>
        <v>14884</v>
      </c>
      <c r="AL35" s="19">
        <f>'[1]年齢別人口市区町村(外国人)'!O47</f>
        <v>198</v>
      </c>
      <c r="AM35" s="19">
        <f>'[1]年齢別人口市区町村(総数)'!O47</f>
        <v>15082</v>
      </c>
      <c r="AN35" s="19">
        <f>'[1]年齢別人口市区町村(日本人)'!P47</f>
        <v>14001</v>
      </c>
      <c r="AO35" s="19">
        <f>'[1]年齢別人口市区町村(外国人)'!P47</f>
        <v>189</v>
      </c>
      <c r="AP35" s="19">
        <f>'[1]年齢別人口市区町村(総数)'!P47</f>
        <v>14190</v>
      </c>
      <c r="AQ35" s="19">
        <f>'[1]年齢別人口市区町村(日本人)'!Q47</f>
        <v>11289</v>
      </c>
      <c r="AR35" s="19">
        <f>'[1]年齢別人口市区町村(外国人)'!Q47</f>
        <v>149</v>
      </c>
      <c r="AS35" s="19">
        <f>'[1]年齢別人口市区町村(総数)'!Q47</f>
        <v>11438</v>
      </c>
      <c r="AT35" s="19">
        <f>'[1]年齢別人口市区町村(日本人)'!R47</f>
        <v>8057</v>
      </c>
      <c r="AU35" s="19">
        <f>'[1]年齢別人口市区町村(外国人)'!R47</f>
        <v>74</v>
      </c>
      <c r="AV35" s="19">
        <f>'[1]年齢別人口市区町村(総数)'!R47</f>
        <v>8131</v>
      </c>
      <c r="AW35" s="19">
        <f>'[1]年齢別人口市区町村(日本人)'!S47</f>
        <v>7048</v>
      </c>
      <c r="AX35" s="19">
        <f>'[1]年齢別人口市区町村(外国人)'!S47</f>
        <v>47</v>
      </c>
      <c r="AY35" s="19">
        <f>'[1]年齢別人口市区町村(総数)'!S47</f>
        <v>7095</v>
      </c>
      <c r="AZ35" s="19">
        <f>'[1]年齢別人口市区町村(日本人)'!T47</f>
        <v>7456</v>
      </c>
      <c r="BA35" s="19">
        <f>'[1]年齢別人口市区町村(外国人)'!T47</f>
        <v>36</v>
      </c>
      <c r="BB35" s="19">
        <f>'[1]年齢別人口市区町村(総数)'!T47</f>
        <v>7492</v>
      </c>
      <c r="BC35" s="19">
        <f>'[1]年齢別人口市区町村(日本人)'!U47</f>
        <v>4816</v>
      </c>
      <c r="BD35" s="19">
        <f>'[1]年齢別人口市区町村(外国人)'!U47</f>
        <v>16</v>
      </c>
      <c r="BE35" s="19">
        <f>'[1]年齢別人口市区町村(総数)'!U47</f>
        <v>4832</v>
      </c>
      <c r="BF35" s="19">
        <f>'[1]年齢別人口市区町村(日本人)'!V47</f>
        <v>2887</v>
      </c>
      <c r="BG35" s="19">
        <f>'[1]年齢別人口市区町村(外国人)'!V47</f>
        <v>6</v>
      </c>
      <c r="BH35" s="19">
        <f>'[1]年齢別人口市区町村(総数)'!V47</f>
        <v>2893</v>
      </c>
      <c r="BI35" s="19">
        <f>'[1]年齢別人口市区町村(日本人)'!W47</f>
        <v>1303</v>
      </c>
      <c r="BJ35" s="19">
        <f>'[1]年齢別人口市区町村(外国人)'!W47</f>
        <v>9</v>
      </c>
      <c r="BK35" s="19">
        <f>'[1]年齢別人口市区町村(総数)'!W47</f>
        <v>1312</v>
      </c>
      <c r="BL35" s="19">
        <f>'[1]年齢別人口市区町村(日本人)'!X47</f>
        <v>264</v>
      </c>
      <c r="BM35" s="19">
        <f>'[1]年齢別人口市区町村(外国人)'!X47</f>
        <v>2</v>
      </c>
      <c r="BN35" s="19">
        <f>'[1]年齢別人口市区町村(総数)'!X47</f>
        <v>266</v>
      </c>
      <c r="BO35" s="19">
        <f>'[1]年齢別人口市区町村(日本人)'!Y47</f>
        <v>22</v>
      </c>
      <c r="BP35" s="19">
        <f>'[1]年齢別人口市区町村(外国人)'!Y47</f>
        <v>0</v>
      </c>
      <c r="BQ35" s="60">
        <f>'[1]年齢別人口市区町村(総数)'!Y47</f>
        <v>22</v>
      </c>
    </row>
    <row r="36" spans="1:69" x14ac:dyDescent="0.15">
      <c r="A36" s="31" t="s">
        <v>42</v>
      </c>
      <c r="B36" s="21" t="s">
        <v>31</v>
      </c>
      <c r="C36" s="46"/>
      <c r="D36" s="22">
        <f>'[1]年齢別人口市区町村(日本人)'!D48</f>
        <v>176676</v>
      </c>
      <c r="E36" s="23">
        <f>'[1]年齢別人口市区町村(外国人)'!D48</f>
        <v>4612</v>
      </c>
      <c r="F36" s="24">
        <f>'[1]年齢別人口市区町村(総数)'!D48</f>
        <v>181288</v>
      </c>
      <c r="G36" s="23">
        <f>'[1]年齢別人口市区町村(日本人)'!E48</f>
        <v>6372</v>
      </c>
      <c r="H36" s="23">
        <f>'[1]年齢別人口市区町村(外国人)'!E48</f>
        <v>100</v>
      </c>
      <c r="I36" s="24">
        <f>'[1]年齢別人口市区町村(総数)'!E48</f>
        <v>6472</v>
      </c>
      <c r="J36" s="23">
        <f>'[1]年齢別人口市区町村(日本人)'!F48</f>
        <v>6727</v>
      </c>
      <c r="K36" s="23">
        <f>'[1]年齢別人口市区町村(外国人)'!F48</f>
        <v>77</v>
      </c>
      <c r="L36" s="24">
        <f>'[1]年齢別人口市区町村(総数)'!F48</f>
        <v>6804</v>
      </c>
      <c r="M36" s="23">
        <f>'[1]年齢別人口市区町村(日本人)'!G48</f>
        <v>7137</v>
      </c>
      <c r="N36" s="23">
        <f>'[1]年齢別人口市区町村(外国人)'!G48</f>
        <v>97</v>
      </c>
      <c r="O36" s="24">
        <f>'[1]年齢別人口市区町村(総数)'!G48</f>
        <v>7234</v>
      </c>
      <c r="P36" s="23">
        <f>'[1]年齢別人口市区町村(日本人)'!H48</f>
        <v>6951</v>
      </c>
      <c r="Q36" s="23">
        <f>'[1]年齢別人口市区町村(外国人)'!H48</f>
        <v>110</v>
      </c>
      <c r="R36" s="24">
        <f>'[1]年齢別人口市区町村(総数)'!H48</f>
        <v>7061</v>
      </c>
      <c r="S36" s="23">
        <f>'[1]年齢別人口市区町村(日本人)'!I48</f>
        <v>9298</v>
      </c>
      <c r="T36" s="23">
        <f>'[1]年齢別人口市区町村(外国人)'!I48</f>
        <v>506</v>
      </c>
      <c r="U36" s="24">
        <f>'[1]年齢別人口市区町村(総数)'!I48</f>
        <v>9804</v>
      </c>
      <c r="V36" s="23">
        <f>'[1]年齢別人口市区町村(日本人)'!J48</f>
        <v>12880</v>
      </c>
      <c r="W36" s="23">
        <f>'[1]年齢別人口市区町村(外国人)'!J48</f>
        <v>813</v>
      </c>
      <c r="X36" s="24">
        <f>'[1]年齢別人口市区町村(総数)'!J48</f>
        <v>13693</v>
      </c>
      <c r="Y36" s="23">
        <f>'[1]年齢別人口市区町村(日本人)'!K48</f>
        <v>12395</v>
      </c>
      <c r="Z36" s="23">
        <f>'[1]年齢別人口市区町村(外国人)'!K48</f>
        <v>746</v>
      </c>
      <c r="AA36" s="24">
        <f>'[1]年齢別人口市区町村(総数)'!K48</f>
        <v>13141</v>
      </c>
      <c r="AB36" s="23">
        <f>'[1]年齢別人口市区町村(日本人)'!L48</f>
        <v>11289</v>
      </c>
      <c r="AC36" s="23">
        <f>'[1]年齢別人口市区町村(外国人)'!L48</f>
        <v>507</v>
      </c>
      <c r="AD36" s="24">
        <f>'[1]年齢別人口市区町村(総数)'!L48</f>
        <v>11796</v>
      </c>
      <c r="AE36" s="23">
        <f>'[1]年齢別人口市区町村(日本人)'!M48</f>
        <v>12047</v>
      </c>
      <c r="AF36" s="23">
        <f>'[1]年齢別人口市区町村(外国人)'!M48</f>
        <v>392</v>
      </c>
      <c r="AG36" s="24">
        <f>'[1]年齢別人口市区町村(総数)'!M48</f>
        <v>12439</v>
      </c>
      <c r="AH36" s="23">
        <f>'[1]年齢別人口市区町村(日本人)'!N48</f>
        <v>12977</v>
      </c>
      <c r="AI36" s="23">
        <f>'[1]年齢別人口市区町村(外国人)'!N48</f>
        <v>314</v>
      </c>
      <c r="AJ36" s="24">
        <f>'[1]年齢別人口市区町村(総数)'!N48</f>
        <v>13291</v>
      </c>
      <c r="AK36" s="23">
        <f>'[1]年齢別人口市区町村(日本人)'!O48</f>
        <v>14643</v>
      </c>
      <c r="AL36" s="23">
        <f>'[1]年齢別人口市区町村(外国人)'!O48</f>
        <v>250</v>
      </c>
      <c r="AM36" s="24">
        <f>'[1]年齢別人口市区町村(総数)'!O48</f>
        <v>14893</v>
      </c>
      <c r="AN36" s="23">
        <f>'[1]年齢別人口市区町村(日本人)'!P48</f>
        <v>13202</v>
      </c>
      <c r="AO36" s="23">
        <f>'[1]年齢別人口市区町村(外国人)'!P48</f>
        <v>252</v>
      </c>
      <c r="AP36" s="24">
        <f>'[1]年齢別人口市区町村(総数)'!P48</f>
        <v>13454</v>
      </c>
      <c r="AQ36" s="23">
        <f>'[1]年齢別人口市区町村(日本人)'!Q48</f>
        <v>10462</v>
      </c>
      <c r="AR36" s="23">
        <f>'[1]年齢別人口市区町村(外国人)'!Q48</f>
        <v>178</v>
      </c>
      <c r="AS36" s="24">
        <f>'[1]年齢別人口市区町村(総数)'!Q48</f>
        <v>10640</v>
      </c>
      <c r="AT36" s="23">
        <f>'[1]年齢別人口市区町村(日本人)'!R48</f>
        <v>8108</v>
      </c>
      <c r="AU36" s="23">
        <f>'[1]年齢別人口市区町村(外国人)'!R48</f>
        <v>118</v>
      </c>
      <c r="AV36" s="24">
        <f>'[1]年齢別人口市区町村(総数)'!R48</f>
        <v>8226</v>
      </c>
      <c r="AW36" s="23">
        <f>'[1]年齢別人口市区町村(日本人)'!S48</f>
        <v>7620</v>
      </c>
      <c r="AX36" s="23">
        <f>'[1]年齢別人口市区町村(外国人)'!S48</f>
        <v>62</v>
      </c>
      <c r="AY36" s="24">
        <f>'[1]年齢別人口市区町村(総数)'!S48</f>
        <v>7682</v>
      </c>
      <c r="AZ36" s="23">
        <f>'[1]年齢別人口市区町村(日本人)'!T48</f>
        <v>8783</v>
      </c>
      <c r="BA36" s="23">
        <f>'[1]年齢別人口市区町村(外国人)'!T48</f>
        <v>41</v>
      </c>
      <c r="BB36" s="24">
        <f>'[1]年齢別人口市区町村(総数)'!T48</f>
        <v>8824</v>
      </c>
      <c r="BC36" s="23">
        <f>'[1]年齢別人口市区町村(日本人)'!U48</f>
        <v>6851</v>
      </c>
      <c r="BD36" s="23">
        <f>'[1]年齢別人口市区町村(外国人)'!U48</f>
        <v>26</v>
      </c>
      <c r="BE36" s="24">
        <f>'[1]年齢別人口市区町村(総数)'!U48</f>
        <v>6877</v>
      </c>
      <c r="BF36" s="23">
        <f>'[1]年齢別人口市区町村(日本人)'!V48</f>
        <v>4900</v>
      </c>
      <c r="BG36" s="23">
        <f>'[1]年齢別人口市区町村(外国人)'!V48</f>
        <v>10</v>
      </c>
      <c r="BH36" s="24">
        <f>'[1]年齢別人口市区町村(総数)'!V48</f>
        <v>4910</v>
      </c>
      <c r="BI36" s="23">
        <f>'[1]年齢別人口市区町村(日本人)'!W48</f>
        <v>2925</v>
      </c>
      <c r="BJ36" s="23">
        <f>'[1]年齢別人口市区町村(外国人)'!W48</f>
        <v>7</v>
      </c>
      <c r="BK36" s="24">
        <f>'[1]年齢別人口市区町村(総数)'!W48</f>
        <v>2932</v>
      </c>
      <c r="BL36" s="23">
        <f>'[1]年齢別人口市区町村(日本人)'!X48</f>
        <v>942</v>
      </c>
      <c r="BM36" s="23">
        <f>'[1]年齢別人口市区町村(外国人)'!X48</f>
        <v>4</v>
      </c>
      <c r="BN36" s="24">
        <f>'[1]年齢別人口市区町村(総数)'!X48</f>
        <v>946</v>
      </c>
      <c r="BO36" s="23">
        <f>'[1]年齢別人口市区町村(日本人)'!Y48</f>
        <v>167</v>
      </c>
      <c r="BP36" s="23">
        <f>'[1]年齢別人口市区町村(外国人)'!Y48</f>
        <v>2</v>
      </c>
      <c r="BQ36" s="61">
        <f>'[1]年齢別人口市区町村(総数)'!Y48</f>
        <v>169</v>
      </c>
    </row>
    <row r="37" spans="1:69" ht="15" thickBot="1" x14ac:dyDescent="0.2">
      <c r="A37" s="32"/>
      <c r="B37" s="25" t="s">
        <v>32</v>
      </c>
      <c r="C37" s="47"/>
      <c r="D37" s="26">
        <f>'[1]年齢別人口市区町村(日本人)'!D46</f>
        <v>350558</v>
      </c>
      <c r="E37" s="27">
        <f>'[1]年齢別人口市区町村(外国人)'!D46</f>
        <v>9608</v>
      </c>
      <c r="F37" s="28">
        <f>'[1]年齢別人口市区町村(総数)'!D46</f>
        <v>360166</v>
      </c>
      <c r="G37" s="27">
        <f>'[1]年齢別人口市区町村(日本人)'!E46</f>
        <v>13114</v>
      </c>
      <c r="H37" s="27">
        <f>'[1]年齢別人口市区町村(外国人)'!E46</f>
        <v>229</v>
      </c>
      <c r="I37" s="28">
        <f>'[1]年齢別人口市区町村(総数)'!E46</f>
        <v>13343</v>
      </c>
      <c r="J37" s="27">
        <f>'[1]年齢別人口市区町村(日本人)'!F46</f>
        <v>13976</v>
      </c>
      <c r="K37" s="27">
        <f>'[1]年齢別人口市区町村(外国人)'!F46</f>
        <v>191</v>
      </c>
      <c r="L37" s="28">
        <f>'[1]年齢別人口市区町村(総数)'!F46</f>
        <v>14167</v>
      </c>
      <c r="M37" s="27">
        <f>'[1]年齢別人口市区町村(日本人)'!G46</f>
        <v>14731</v>
      </c>
      <c r="N37" s="27">
        <f>'[1]年齢別人口市区町村(外国人)'!G46</f>
        <v>196</v>
      </c>
      <c r="O37" s="28">
        <f>'[1]年齢別人口市区町村(総数)'!G46</f>
        <v>14927</v>
      </c>
      <c r="P37" s="27">
        <f>'[1]年齢別人口市区町村(日本人)'!H46</f>
        <v>14227</v>
      </c>
      <c r="Q37" s="27">
        <f>'[1]年齢別人口市区町村(外国人)'!H46</f>
        <v>222</v>
      </c>
      <c r="R37" s="28">
        <f>'[1]年齢別人口市区町村(総数)'!H46</f>
        <v>14449</v>
      </c>
      <c r="S37" s="27">
        <f>'[1]年齢別人口市区町村(日本人)'!I46</f>
        <v>18517</v>
      </c>
      <c r="T37" s="27">
        <f>'[1]年齢別人口市区町村(外国人)'!I46</f>
        <v>1178</v>
      </c>
      <c r="U37" s="28">
        <f>'[1]年齢別人口市区町村(総数)'!I46</f>
        <v>19695</v>
      </c>
      <c r="V37" s="27">
        <f>'[1]年齢別人口市区町村(日本人)'!J46</f>
        <v>25931</v>
      </c>
      <c r="W37" s="27">
        <f>'[1]年齢別人口市区町村(外国人)'!J46</f>
        <v>1784</v>
      </c>
      <c r="X37" s="28">
        <f>'[1]年齢別人口市区町村(総数)'!J46</f>
        <v>27715</v>
      </c>
      <c r="Y37" s="27">
        <f>'[1]年齢別人口市区町村(日本人)'!K46</f>
        <v>25197</v>
      </c>
      <c r="Z37" s="27">
        <f>'[1]年齢別人口市区町村(外国人)'!K46</f>
        <v>1602</v>
      </c>
      <c r="AA37" s="28">
        <f>'[1]年齢別人口市区町村(総数)'!K46</f>
        <v>26799</v>
      </c>
      <c r="AB37" s="27">
        <f>'[1]年齢別人口市区町村(日本人)'!L46</f>
        <v>22855</v>
      </c>
      <c r="AC37" s="27">
        <f>'[1]年齢別人口市区町村(外国人)'!L46</f>
        <v>1131</v>
      </c>
      <c r="AD37" s="28">
        <f>'[1]年齢別人口市区町村(総数)'!L46</f>
        <v>23986</v>
      </c>
      <c r="AE37" s="27">
        <f>'[1]年齢別人口市区町村(日本人)'!M46</f>
        <v>24795</v>
      </c>
      <c r="AF37" s="27">
        <f>'[1]年齢別人口市区町村(外国人)'!M46</f>
        <v>815</v>
      </c>
      <c r="AG37" s="28">
        <f>'[1]年齢別人口市区町村(総数)'!M46</f>
        <v>25610</v>
      </c>
      <c r="AH37" s="27">
        <f>'[1]年齢別人口市区町村(日本人)'!N46</f>
        <v>26585</v>
      </c>
      <c r="AI37" s="27">
        <f>'[1]年齢別人口市区町村(外国人)'!N46</f>
        <v>584</v>
      </c>
      <c r="AJ37" s="28">
        <f>'[1]年齢別人口市区町村(総数)'!N46</f>
        <v>27169</v>
      </c>
      <c r="AK37" s="27">
        <f>'[1]年齢別人口市区町村(日本人)'!O46</f>
        <v>29527</v>
      </c>
      <c r="AL37" s="27">
        <f>'[1]年齢別人口市区町村(外国人)'!O46</f>
        <v>448</v>
      </c>
      <c r="AM37" s="28">
        <f>'[1]年齢別人口市区町村(総数)'!O46</f>
        <v>29975</v>
      </c>
      <c r="AN37" s="27">
        <f>'[1]年齢別人口市区町村(日本人)'!P46</f>
        <v>27203</v>
      </c>
      <c r="AO37" s="27">
        <f>'[1]年齢別人口市区町村(外国人)'!P46</f>
        <v>441</v>
      </c>
      <c r="AP37" s="28">
        <f>'[1]年齢別人口市区町村(総数)'!P46</f>
        <v>27644</v>
      </c>
      <c r="AQ37" s="27">
        <f>'[1]年齢別人口市区町村(日本人)'!Q46</f>
        <v>21751</v>
      </c>
      <c r="AR37" s="27">
        <f>'[1]年齢別人口市区町村(外国人)'!Q46</f>
        <v>327</v>
      </c>
      <c r="AS37" s="28">
        <f>'[1]年齢別人口市区町村(総数)'!Q46</f>
        <v>22078</v>
      </c>
      <c r="AT37" s="27">
        <f>'[1]年齢別人口市区町村(日本人)'!R46</f>
        <v>16165</v>
      </c>
      <c r="AU37" s="27">
        <f>'[1]年齢別人口市区町村(外国人)'!R46</f>
        <v>192</v>
      </c>
      <c r="AV37" s="28">
        <f>'[1]年齢別人口市区町村(総数)'!R46</f>
        <v>16357</v>
      </c>
      <c r="AW37" s="27">
        <f>'[1]年齢別人口市区町村(日本人)'!S46</f>
        <v>14668</v>
      </c>
      <c r="AX37" s="27">
        <f>'[1]年齢別人口市区町村(外国人)'!S46</f>
        <v>109</v>
      </c>
      <c r="AY37" s="28">
        <f>'[1]年齢別人口市区町村(総数)'!S46</f>
        <v>14777</v>
      </c>
      <c r="AZ37" s="27">
        <f>'[1]年齢別人口市区町村(日本人)'!T46</f>
        <v>16239</v>
      </c>
      <c r="BA37" s="27">
        <f>'[1]年齢別人口市区町村(外国人)'!T46</f>
        <v>77</v>
      </c>
      <c r="BB37" s="28">
        <f>'[1]年齢別人口市区町村(総数)'!T46</f>
        <v>16316</v>
      </c>
      <c r="BC37" s="27">
        <f>'[1]年齢別人口市区町村(日本人)'!U46</f>
        <v>11667</v>
      </c>
      <c r="BD37" s="27">
        <f>'[1]年齢別人口市区町村(外国人)'!U46</f>
        <v>42</v>
      </c>
      <c r="BE37" s="28">
        <f>'[1]年齢別人口市区町村(総数)'!U46</f>
        <v>11709</v>
      </c>
      <c r="BF37" s="27">
        <f>'[1]年齢別人口市区町村(日本人)'!V46</f>
        <v>7787</v>
      </c>
      <c r="BG37" s="27">
        <f>'[1]年齢別人口市区町村(外国人)'!V46</f>
        <v>16</v>
      </c>
      <c r="BH37" s="28">
        <f>'[1]年齢別人口市区町村(総数)'!V46</f>
        <v>7803</v>
      </c>
      <c r="BI37" s="27">
        <f>'[1]年齢別人口市区町村(日本人)'!W46</f>
        <v>4228</v>
      </c>
      <c r="BJ37" s="27">
        <f>'[1]年齢別人口市区町村(外国人)'!W46</f>
        <v>16</v>
      </c>
      <c r="BK37" s="28">
        <f>'[1]年齢別人口市区町村(総数)'!W46</f>
        <v>4244</v>
      </c>
      <c r="BL37" s="27">
        <f>'[1]年齢別人口市区町村(日本人)'!X46</f>
        <v>1206</v>
      </c>
      <c r="BM37" s="27">
        <f>'[1]年齢別人口市区町村(外国人)'!X46</f>
        <v>6</v>
      </c>
      <c r="BN37" s="28">
        <f>'[1]年齢別人口市区町村(総数)'!X46</f>
        <v>1212</v>
      </c>
      <c r="BO37" s="27">
        <f>'[1]年齢別人口市区町村(日本人)'!Y46</f>
        <v>189</v>
      </c>
      <c r="BP37" s="27">
        <f>'[1]年齢別人口市区町村(外国人)'!Y46</f>
        <v>2</v>
      </c>
      <c r="BQ37" s="62">
        <f>'[1]年齢別人口市区町村(総数)'!Y46</f>
        <v>191</v>
      </c>
    </row>
    <row r="38" spans="1:69" x14ac:dyDescent="0.15">
      <c r="A38" s="31"/>
      <c r="B38" s="17" t="s">
        <v>29</v>
      </c>
      <c r="C38" s="45">
        <v>141101</v>
      </c>
      <c r="D38" s="18">
        <f>'[1]年齢別人口市区町村(日本人)'!D50</f>
        <v>134766</v>
      </c>
      <c r="E38" s="19">
        <f>'[1]年齢別人口市区町村(外国人)'!D50</f>
        <v>2926</v>
      </c>
      <c r="F38" s="19">
        <f>'[1]年齢別人口市区町村(総数)'!D50</f>
        <v>137692</v>
      </c>
      <c r="G38" s="19">
        <f>'[1]年齢別人口市区町村(日本人)'!E50</f>
        <v>4757</v>
      </c>
      <c r="H38" s="19">
        <f>'[1]年齢別人口市区町村(外国人)'!E50</f>
        <v>86</v>
      </c>
      <c r="I38" s="19">
        <f>'[1]年齢別人口市区町村(総数)'!E50</f>
        <v>4843</v>
      </c>
      <c r="J38" s="19">
        <f>'[1]年齢別人口市区町村(日本人)'!F50</f>
        <v>5694</v>
      </c>
      <c r="K38" s="19">
        <f>'[1]年齢別人口市区町村(外国人)'!F50</f>
        <v>98</v>
      </c>
      <c r="L38" s="19">
        <f>'[1]年齢別人口市区町村(総数)'!F50</f>
        <v>5792</v>
      </c>
      <c r="M38" s="19">
        <f>'[1]年齢別人口市区町村(日本人)'!G50</f>
        <v>6183</v>
      </c>
      <c r="N38" s="19">
        <f>'[1]年齢別人口市区町村(外国人)'!G50</f>
        <v>87</v>
      </c>
      <c r="O38" s="19">
        <f>'[1]年齢別人口市区町村(総数)'!G50</f>
        <v>6270</v>
      </c>
      <c r="P38" s="19">
        <f>'[1]年齢別人口市区町村(日本人)'!H50</f>
        <v>6822</v>
      </c>
      <c r="Q38" s="19">
        <f>'[1]年齢別人口市区町村(外国人)'!H50</f>
        <v>96</v>
      </c>
      <c r="R38" s="19">
        <f>'[1]年齢別人口市区町村(総数)'!H50</f>
        <v>6918</v>
      </c>
      <c r="S38" s="19">
        <f>'[1]年齢別人口市区町村(日本人)'!I50</f>
        <v>6837</v>
      </c>
      <c r="T38" s="19">
        <f>'[1]年齢別人口市区町村(外国人)'!I50</f>
        <v>380</v>
      </c>
      <c r="U38" s="19">
        <f>'[1]年齢別人口市区町村(総数)'!I50</f>
        <v>7217</v>
      </c>
      <c r="V38" s="19">
        <f>'[1]年齢別人口市区町村(日本人)'!J50</f>
        <v>6566</v>
      </c>
      <c r="W38" s="19">
        <f>'[1]年齢別人口市区町村(外国人)'!J50</f>
        <v>432</v>
      </c>
      <c r="X38" s="19">
        <f>'[1]年齢別人口市区町村(総数)'!J50</f>
        <v>6998</v>
      </c>
      <c r="Y38" s="19">
        <f>'[1]年齢別人口市区町村(日本人)'!K50</f>
        <v>6966</v>
      </c>
      <c r="Z38" s="19">
        <f>'[1]年齢別人口市区町村(外国人)'!K50</f>
        <v>439</v>
      </c>
      <c r="AA38" s="19">
        <f>'[1]年齢別人口市区町村(総数)'!K50</f>
        <v>7405</v>
      </c>
      <c r="AB38" s="19">
        <f>'[1]年齢別人口市区町村(日本人)'!L50</f>
        <v>7639</v>
      </c>
      <c r="AC38" s="19">
        <f>'[1]年齢別人口市区町村(外国人)'!L50</f>
        <v>347</v>
      </c>
      <c r="AD38" s="19">
        <f>'[1]年齢別人口市区町村(総数)'!L50</f>
        <v>7986</v>
      </c>
      <c r="AE38" s="19">
        <f>'[1]年齢別人口市区町村(日本人)'!M50</f>
        <v>8690</v>
      </c>
      <c r="AF38" s="19">
        <f>'[1]年齢別人口市区町村(外国人)'!M50</f>
        <v>282</v>
      </c>
      <c r="AG38" s="19">
        <f>'[1]年齢別人口市区町村(総数)'!M50</f>
        <v>8972</v>
      </c>
      <c r="AH38" s="19">
        <f>'[1]年齢別人口市区町村(日本人)'!N50</f>
        <v>10049</v>
      </c>
      <c r="AI38" s="19">
        <f>'[1]年齢別人口市区町村(外国人)'!N50</f>
        <v>191</v>
      </c>
      <c r="AJ38" s="19">
        <f>'[1]年齢別人口市区町村(総数)'!N50</f>
        <v>10240</v>
      </c>
      <c r="AK38" s="19">
        <f>'[1]年齢別人口市区町村(日本人)'!O50</f>
        <v>11969</v>
      </c>
      <c r="AL38" s="19">
        <f>'[1]年齢別人口市区町村(外国人)'!O50</f>
        <v>140</v>
      </c>
      <c r="AM38" s="19">
        <f>'[1]年齢別人口市区町村(総数)'!O50</f>
        <v>12109</v>
      </c>
      <c r="AN38" s="19">
        <f>'[1]年齢別人口市区町村(日本人)'!P50</f>
        <v>11268</v>
      </c>
      <c r="AO38" s="19">
        <f>'[1]年齢別人口市区町村(外国人)'!P50</f>
        <v>110</v>
      </c>
      <c r="AP38" s="19">
        <f>'[1]年齢別人口市区町村(総数)'!P50</f>
        <v>11378</v>
      </c>
      <c r="AQ38" s="19">
        <f>'[1]年齢別人口市区町村(日本人)'!Q50</f>
        <v>9208</v>
      </c>
      <c r="AR38" s="19">
        <f>'[1]年齢別人口市区町村(外国人)'!Q50</f>
        <v>91</v>
      </c>
      <c r="AS38" s="19">
        <f>'[1]年齢別人口市区町村(総数)'!Q50</f>
        <v>9299</v>
      </c>
      <c r="AT38" s="19">
        <f>'[1]年齢別人口市区町村(日本人)'!R50</f>
        <v>6796</v>
      </c>
      <c r="AU38" s="19">
        <f>'[1]年齢別人口市区町村(外国人)'!R50</f>
        <v>57</v>
      </c>
      <c r="AV38" s="19">
        <f>'[1]年齢別人口市区町村(総数)'!R50</f>
        <v>6853</v>
      </c>
      <c r="AW38" s="19">
        <f>'[1]年齢別人口市区町村(日本人)'!S50</f>
        <v>6824</v>
      </c>
      <c r="AX38" s="19">
        <f>'[1]年齢別人口市区町村(外国人)'!S50</f>
        <v>35</v>
      </c>
      <c r="AY38" s="19">
        <f>'[1]年齢別人口市区町村(総数)'!S50</f>
        <v>6859</v>
      </c>
      <c r="AZ38" s="19">
        <f>'[1]年齢別人口市区町村(日本人)'!T50</f>
        <v>7831</v>
      </c>
      <c r="BA38" s="19">
        <f>'[1]年齢別人口市区町村(外国人)'!T50</f>
        <v>21</v>
      </c>
      <c r="BB38" s="19">
        <f>'[1]年齢別人口市区町村(総数)'!T50</f>
        <v>7852</v>
      </c>
      <c r="BC38" s="19">
        <f>'[1]年齢別人口市区町村(日本人)'!U50</f>
        <v>5362</v>
      </c>
      <c r="BD38" s="19">
        <f>'[1]年齢別人口市区町村(外国人)'!U50</f>
        <v>21</v>
      </c>
      <c r="BE38" s="19">
        <f>'[1]年齢別人口市区町村(総数)'!U50</f>
        <v>5383</v>
      </c>
      <c r="BF38" s="19">
        <f>'[1]年齢別人口市区町村(日本人)'!V50</f>
        <v>3582</v>
      </c>
      <c r="BG38" s="19">
        <f>'[1]年齢別人口市区町村(外国人)'!V50</f>
        <v>7</v>
      </c>
      <c r="BH38" s="19">
        <f>'[1]年齢別人口市区町村(総数)'!V50</f>
        <v>3589</v>
      </c>
      <c r="BI38" s="19">
        <f>'[1]年齢別人口市区町村(日本人)'!W50</f>
        <v>1454</v>
      </c>
      <c r="BJ38" s="19">
        <f>'[1]年齢別人口市区町村(外国人)'!W50</f>
        <v>4</v>
      </c>
      <c r="BK38" s="19">
        <f>'[1]年齢別人口市区町村(総数)'!W50</f>
        <v>1458</v>
      </c>
      <c r="BL38" s="19">
        <f>'[1]年齢別人口市区町村(日本人)'!X50</f>
        <v>247</v>
      </c>
      <c r="BM38" s="19">
        <f>'[1]年齢別人口市区町村(外国人)'!X50</f>
        <v>2</v>
      </c>
      <c r="BN38" s="19">
        <f>'[1]年齢別人口市区町村(総数)'!X50</f>
        <v>249</v>
      </c>
      <c r="BO38" s="19">
        <f>'[1]年齢別人口市区町村(日本人)'!Y50</f>
        <v>22</v>
      </c>
      <c r="BP38" s="19">
        <f>'[1]年齢別人口市区町村(外国人)'!Y50</f>
        <v>0</v>
      </c>
      <c r="BQ38" s="60">
        <f>'[1]年齢別人口市区町村(総数)'!Y50</f>
        <v>22</v>
      </c>
    </row>
    <row r="39" spans="1:69" x14ac:dyDescent="0.15">
      <c r="A39" s="31" t="s">
        <v>43</v>
      </c>
      <c r="B39" s="21" t="s">
        <v>31</v>
      </c>
      <c r="C39" s="46"/>
      <c r="D39" s="22">
        <f>'[1]年齢別人口市区町村(日本人)'!D51</f>
        <v>140047</v>
      </c>
      <c r="E39" s="23">
        <f>'[1]年齢別人口市区町村(外国人)'!D51</f>
        <v>2819</v>
      </c>
      <c r="F39" s="24">
        <f>'[1]年齢別人口市区町村(総数)'!D51</f>
        <v>142866</v>
      </c>
      <c r="G39" s="23">
        <f>'[1]年齢別人口市区町村(日本人)'!E51</f>
        <v>4471</v>
      </c>
      <c r="H39" s="23">
        <f>'[1]年齢別人口市区町村(外国人)'!E51</f>
        <v>103</v>
      </c>
      <c r="I39" s="24">
        <f>'[1]年齢別人口市区町村(総数)'!E51</f>
        <v>4574</v>
      </c>
      <c r="J39" s="23">
        <f>'[1]年齢別人口市区町村(日本人)'!F51</f>
        <v>5525</v>
      </c>
      <c r="K39" s="23">
        <f>'[1]年齢別人口市区町村(外国人)'!F51</f>
        <v>83</v>
      </c>
      <c r="L39" s="24">
        <f>'[1]年齢別人口市区町村(総数)'!F51</f>
        <v>5608</v>
      </c>
      <c r="M39" s="23">
        <f>'[1]年齢別人口市区町村(日本人)'!G51</f>
        <v>5933</v>
      </c>
      <c r="N39" s="23">
        <f>'[1]年齢別人口市区町村(外国人)'!G51</f>
        <v>81</v>
      </c>
      <c r="O39" s="24">
        <f>'[1]年齢別人口市区町村(総数)'!G51</f>
        <v>6014</v>
      </c>
      <c r="P39" s="23">
        <f>'[1]年齢別人口市区町村(日本人)'!H51</f>
        <v>6489</v>
      </c>
      <c r="Q39" s="23">
        <f>'[1]年齢別人口市区町村(外国人)'!H51</f>
        <v>78</v>
      </c>
      <c r="R39" s="24">
        <f>'[1]年齢別人口市区町村(総数)'!H51</f>
        <v>6567</v>
      </c>
      <c r="S39" s="23">
        <f>'[1]年齢別人口市区町村(日本人)'!I51</f>
        <v>6756</v>
      </c>
      <c r="T39" s="23">
        <f>'[1]年齢別人口市区町村(外国人)'!I51</f>
        <v>229</v>
      </c>
      <c r="U39" s="24">
        <f>'[1]年齢別人口市区町村(総数)'!I51</f>
        <v>6985</v>
      </c>
      <c r="V39" s="23">
        <f>'[1]年齢別人口市区町村(日本人)'!J51</f>
        <v>6576</v>
      </c>
      <c r="W39" s="23">
        <f>'[1]年齢別人口市区町村(外国人)'!J51</f>
        <v>361</v>
      </c>
      <c r="X39" s="24">
        <f>'[1]年齢別人口市区町村(総数)'!J51</f>
        <v>6937</v>
      </c>
      <c r="Y39" s="23">
        <f>'[1]年齢別人口市区町村(日本人)'!K51</f>
        <v>6765</v>
      </c>
      <c r="Z39" s="23">
        <f>'[1]年齢別人口市区町村(外国人)'!K51</f>
        <v>299</v>
      </c>
      <c r="AA39" s="24">
        <f>'[1]年齢別人口市区町村(総数)'!K51</f>
        <v>7064</v>
      </c>
      <c r="AB39" s="23">
        <f>'[1]年齢別人口市区町村(日本人)'!L51</f>
        <v>7498</v>
      </c>
      <c r="AC39" s="23">
        <f>'[1]年齢別人口市区町村(外国人)'!L51</f>
        <v>305</v>
      </c>
      <c r="AD39" s="24">
        <f>'[1]年齢別人口市区町村(総数)'!L51</f>
        <v>7803</v>
      </c>
      <c r="AE39" s="23">
        <f>'[1]年齢別人口市区町村(日本人)'!M51</f>
        <v>8187</v>
      </c>
      <c r="AF39" s="23">
        <f>'[1]年齢別人口市区町村(外国人)'!M51</f>
        <v>284</v>
      </c>
      <c r="AG39" s="24">
        <f>'[1]年齢別人口市区町村(総数)'!M51</f>
        <v>8471</v>
      </c>
      <c r="AH39" s="23">
        <f>'[1]年齢別人口市区町村(日本人)'!N51</f>
        <v>9601</v>
      </c>
      <c r="AI39" s="23">
        <f>'[1]年齢別人口市区町村(外国人)'!N51</f>
        <v>235</v>
      </c>
      <c r="AJ39" s="24">
        <f>'[1]年齢別人口市区町村(総数)'!N51</f>
        <v>9836</v>
      </c>
      <c r="AK39" s="23">
        <f>'[1]年齢別人口市区町村(日本人)'!O51</f>
        <v>11837</v>
      </c>
      <c r="AL39" s="23">
        <f>'[1]年齢別人口市区町村(外国人)'!O51</f>
        <v>200</v>
      </c>
      <c r="AM39" s="24">
        <f>'[1]年齢別人口市区町村(総数)'!O51</f>
        <v>12037</v>
      </c>
      <c r="AN39" s="23">
        <f>'[1]年齢別人口市区町村(日本人)'!P51</f>
        <v>10640</v>
      </c>
      <c r="AO39" s="23">
        <f>'[1]年齢別人口市区町村(外国人)'!P51</f>
        <v>184</v>
      </c>
      <c r="AP39" s="24">
        <f>'[1]年齢別人口市区町村(総数)'!P51</f>
        <v>10824</v>
      </c>
      <c r="AQ39" s="23">
        <f>'[1]年齢別人口市区町村(日本人)'!Q51</f>
        <v>8520</v>
      </c>
      <c r="AR39" s="23">
        <f>'[1]年齢別人口市区町村(外国人)'!Q51</f>
        <v>156</v>
      </c>
      <c r="AS39" s="24">
        <f>'[1]年齢別人口市区町村(総数)'!Q51</f>
        <v>8676</v>
      </c>
      <c r="AT39" s="23">
        <f>'[1]年齢別人口市区町村(日本人)'!R51</f>
        <v>6943</v>
      </c>
      <c r="AU39" s="23">
        <f>'[1]年齢別人口市区町村(外国人)'!R51</f>
        <v>88</v>
      </c>
      <c r="AV39" s="24">
        <f>'[1]年齢別人口市区町村(総数)'!R51</f>
        <v>7031</v>
      </c>
      <c r="AW39" s="23">
        <f>'[1]年齢別人口市区町村(日本人)'!S51</f>
        <v>7822</v>
      </c>
      <c r="AX39" s="23">
        <f>'[1]年齢別人口市区町村(外国人)'!S51</f>
        <v>56</v>
      </c>
      <c r="AY39" s="24">
        <f>'[1]年齢別人口市区町村(総数)'!S51</f>
        <v>7878</v>
      </c>
      <c r="AZ39" s="23">
        <f>'[1]年齢別人口市区町村(日本人)'!T51</f>
        <v>9574</v>
      </c>
      <c r="BA39" s="23">
        <f>'[1]年齢別人口市区町村(外国人)'!T51</f>
        <v>35</v>
      </c>
      <c r="BB39" s="24">
        <f>'[1]年齢別人口市区町村(総数)'!T51</f>
        <v>9609</v>
      </c>
      <c r="BC39" s="23">
        <f>'[1]年齢別人口市区町村(日本人)'!U51</f>
        <v>7662</v>
      </c>
      <c r="BD39" s="23">
        <f>'[1]年齢別人口市区町村(外国人)'!U51</f>
        <v>19</v>
      </c>
      <c r="BE39" s="24">
        <f>'[1]年齢別人口市区町村(総数)'!U51</f>
        <v>7681</v>
      </c>
      <c r="BF39" s="23">
        <f>'[1]年齢別人口市区町村(日本人)'!V51</f>
        <v>5442</v>
      </c>
      <c r="BG39" s="23">
        <f>'[1]年齢別人口市区町村(外国人)'!V51</f>
        <v>13</v>
      </c>
      <c r="BH39" s="24">
        <f>'[1]年齢別人口市区町村(総数)'!V51</f>
        <v>5455</v>
      </c>
      <c r="BI39" s="23">
        <f>'[1]年齢別人口市区町村(日本人)'!W51</f>
        <v>2813</v>
      </c>
      <c r="BJ39" s="23">
        <f>'[1]年齢別人口市区町村(外国人)'!W51</f>
        <v>6</v>
      </c>
      <c r="BK39" s="24">
        <f>'[1]年齢別人口市区町村(総数)'!W51</f>
        <v>2819</v>
      </c>
      <c r="BL39" s="23">
        <f>'[1]年齢別人口市区町村(日本人)'!X51</f>
        <v>852</v>
      </c>
      <c r="BM39" s="23">
        <f>'[1]年齢別人口市区町村(外国人)'!X51</f>
        <v>4</v>
      </c>
      <c r="BN39" s="24">
        <f>'[1]年齢別人口市区町村(総数)'!X51</f>
        <v>856</v>
      </c>
      <c r="BO39" s="23">
        <f>'[1]年齢別人口市区町村(日本人)'!Y51</f>
        <v>141</v>
      </c>
      <c r="BP39" s="23">
        <f>'[1]年齢別人口市区町村(外国人)'!Y51</f>
        <v>0</v>
      </c>
      <c r="BQ39" s="61">
        <f>'[1]年齢別人口市区町村(総数)'!Y51</f>
        <v>141</v>
      </c>
    </row>
    <row r="40" spans="1:69" ht="15" thickBot="1" x14ac:dyDescent="0.2">
      <c r="A40" s="32"/>
      <c r="B40" s="25" t="s">
        <v>32</v>
      </c>
      <c r="C40" s="47"/>
      <c r="D40" s="26">
        <f>'[1]年齢別人口市区町村(日本人)'!D49</f>
        <v>274813</v>
      </c>
      <c r="E40" s="27">
        <f>'[1]年齢別人口市区町村(外国人)'!D49</f>
        <v>5745</v>
      </c>
      <c r="F40" s="28">
        <f>'[1]年齢別人口市区町村(総数)'!D49</f>
        <v>280558</v>
      </c>
      <c r="G40" s="27">
        <f>'[1]年齢別人口市区町村(日本人)'!E49</f>
        <v>9228</v>
      </c>
      <c r="H40" s="27">
        <f>'[1]年齢別人口市区町村(外国人)'!E49</f>
        <v>189</v>
      </c>
      <c r="I40" s="28">
        <f>'[1]年齢別人口市区町村(総数)'!E49</f>
        <v>9417</v>
      </c>
      <c r="J40" s="27">
        <f>'[1]年齢別人口市区町村(日本人)'!F49</f>
        <v>11219</v>
      </c>
      <c r="K40" s="27">
        <f>'[1]年齢別人口市区町村(外国人)'!F49</f>
        <v>181</v>
      </c>
      <c r="L40" s="28">
        <f>'[1]年齢別人口市区町村(総数)'!F49</f>
        <v>11400</v>
      </c>
      <c r="M40" s="27">
        <f>'[1]年齢別人口市区町村(日本人)'!G49</f>
        <v>12116</v>
      </c>
      <c r="N40" s="27">
        <f>'[1]年齢別人口市区町村(外国人)'!G49</f>
        <v>168</v>
      </c>
      <c r="O40" s="28">
        <f>'[1]年齢別人口市区町村(総数)'!G49</f>
        <v>12284</v>
      </c>
      <c r="P40" s="27">
        <f>'[1]年齢別人口市区町村(日本人)'!H49</f>
        <v>13311</v>
      </c>
      <c r="Q40" s="27">
        <f>'[1]年齢別人口市区町村(外国人)'!H49</f>
        <v>174</v>
      </c>
      <c r="R40" s="28">
        <f>'[1]年齢別人口市区町村(総数)'!H49</f>
        <v>13485</v>
      </c>
      <c r="S40" s="27">
        <f>'[1]年齢別人口市区町村(日本人)'!I49</f>
        <v>13593</v>
      </c>
      <c r="T40" s="27">
        <f>'[1]年齢別人口市区町村(外国人)'!I49</f>
        <v>609</v>
      </c>
      <c r="U40" s="28">
        <f>'[1]年齢別人口市区町村(総数)'!I49</f>
        <v>14202</v>
      </c>
      <c r="V40" s="27">
        <f>'[1]年齢別人口市区町村(日本人)'!J49</f>
        <v>13142</v>
      </c>
      <c r="W40" s="27">
        <f>'[1]年齢別人口市区町村(外国人)'!J49</f>
        <v>793</v>
      </c>
      <c r="X40" s="28">
        <f>'[1]年齢別人口市区町村(総数)'!J49</f>
        <v>13935</v>
      </c>
      <c r="Y40" s="27">
        <f>'[1]年齢別人口市区町村(日本人)'!K49</f>
        <v>13731</v>
      </c>
      <c r="Z40" s="27">
        <f>'[1]年齢別人口市区町村(外国人)'!K49</f>
        <v>738</v>
      </c>
      <c r="AA40" s="28">
        <f>'[1]年齢別人口市区町村(総数)'!K49</f>
        <v>14469</v>
      </c>
      <c r="AB40" s="27">
        <f>'[1]年齢別人口市区町村(日本人)'!L49</f>
        <v>15137</v>
      </c>
      <c r="AC40" s="27">
        <f>'[1]年齢別人口市区町村(外国人)'!L49</f>
        <v>652</v>
      </c>
      <c r="AD40" s="28">
        <f>'[1]年齢別人口市区町村(総数)'!L49</f>
        <v>15789</v>
      </c>
      <c r="AE40" s="27">
        <f>'[1]年齢別人口市区町村(日本人)'!M49</f>
        <v>16877</v>
      </c>
      <c r="AF40" s="27">
        <f>'[1]年齢別人口市区町村(外国人)'!M49</f>
        <v>566</v>
      </c>
      <c r="AG40" s="28">
        <f>'[1]年齢別人口市区町村(総数)'!M49</f>
        <v>17443</v>
      </c>
      <c r="AH40" s="27">
        <f>'[1]年齢別人口市区町村(日本人)'!N49</f>
        <v>19650</v>
      </c>
      <c r="AI40" s="27">
        <f>'[1]年齢別人口市区町村(外国人)'!N49</f>
        <v>426</v>
      </c>
      <c r="AJ40" s="28">
        <f>'[1]年齢別人口市区町村(総数)'!N49</f>
        <v>20076</v>
      </c>
      <c r="AK40" s="27">
        <f>'[1]年齢別人口市区町村(日本人)'!O49</f>
        <v>23806</v>
      </c>
      <c r="AL40" s="27">
        <f>'[1]年齢別人口市区町村(外国人)'!O49</f>
        <v>340</v>
      </c>
      <c r="AM40" s="28">
        <f>'[1]年齢別人口市区町村(総数)'!O49</f>
        <v>24146</v>
      </c>
      <c r="AN40" s="27">
        <f>'[1]年齢別人口市区町村(日本人)'!P49</f>
        <v>21908</v>
      </c>
      <c r="AO40" s="27">
        <f>'[1]年齢別人口市区町村(外国人)'!P49</f>
        <v>294</v>
      </c>
      <c r="AP40" s="28">
        <f>'[1]年齢別人口市区町村(総数)'!P49</f>
        <v>22202</v>
      </c>
      <c r="AQ40" s="27">
        <f>'[1]年齢別人口市区町村(日本人)'!Q49</f>
        <v>17728</v>
      </c>
      <c r="AR40" s="27">
        <f>'[1]年齢別人口市区町村(外国人)'!Q49</f>
        <v>247</v>
      </c>
      <c r="AS40" s="28">
        <f>'[1]年齢別人口市区町村(総数)'!Q49</f>
        <v>17975</v>
      </c>
      <c r="AT40" s="27">
        <f>'[1]年齢別人口市区町村(日本人)'!R49</f>
        <v>13739</v>
      </c>
      <c r="AU40" s="27">
        <f>'[1]年齢別人口市区町村(外国人)'!R49</f>
        <v>145</v>
      </c>
      <c r="AV40" s="28">
        <f>'[1]年齢別人口市区町村(総数)'!R49</f>
        <v>13884</v>
      </c>
      <c r="AW40" s="27">
        <f>'[1]年齢別人口市区町村(日本人)'!S49</f>
        <v>14646</v>
      </c>
      <c r="AX40" s="27">
        <f>'[1]年齢別人口市区町村(外国人)'!S49</f>
        <v>91</v>
      </c>
      <c r="AY40" s="28">
        <f>'[1]年齢別人口市区町村(総数)'!S49</f>
        <v>14737</v>
      </c>
      <c r="AZ40" s="27">
        <f>'[1]年齢別人口市区町村(日本人)'!T49</f>
        <v>17405</v>
      </c>
      <c r="BA40" s="27">
        <f>'[1]年齢別人口市区町村(外国人)'!T49</f>
        <v>56</v>
      </c>
      <c r="BB40" s="28">
        <f>'[1]年齢別人口市区町村(総数)'!T49</f>
        <v>17461</v>
      </c>
      <c r="BC40" s="27">
        <f>'[1]年齢別人口市区町村(日本人)'!U49</f>
        <v>13024</v>
      </c>
      <c r="BD40" s="27">
        <f>'[1]年齢別人口市区町村(外国人)'!U49</f>
        <v>40</v>
      </c>
      <c r="BE40" s="28">
        <f>'[1]年齢別人口市区町村(総数)'!U49</f>
        <v>13064</v>
      </c>
      <c r="BF40" s="27">
        <f>'[1]年齢別人口市区町村(日本人)'!V49</f>
        <v>9024</v>
      </c>
      <c r="BG40" s="27">
        <f>'[1]年齢別人口市区町村(外国人)'!V49</f>
        <v>20</v>
      </c>
      <c r="BH40" s="28">
        <f>'[1]年齢別人口市区町村(総数)'!V49</f>
        <v>9044</v>
      </c>
      <c r="BI40" s="27">
        <f>'[1]年齢別人口市区町村(日本人)'!W49</f>
        <v>4267</v>
      </c>
      <c r="BJ40" s="27">
        <f>'[1]年齢別人口市区町村(外国人)'!W49</f>
        <v>10</v>
      </c>
      <c r="BK40" s="28">
        <f>'[1]年齢別人口市区町村(総数)'!W49</f>
        <v>4277</v>
      </c>
      <c r="BL40" s="27">
        <f>'[1]年齢別人口市区町村(日本人)'!X49</f>
        <v>1099</v>
      </c>
      <c r="BM40" s="27">
        <f>'[1]年齢別人口市区町村(外国人)'!X49</f>
        <v>6</v>
      </c>
      <c r="BN40" s="28">
        <f>'[1]年齢別人口市区町村(総数)'!X49</f>
        <v>1105</v>
      </c>
      <c r="BO40" s="27">
        <f>'[1]年齢別人口市区町村(日本人)'!Y49</f>
        <v>163</v>
      </c>
      <c r="BP40" s="27">
        <f>'[1]年齢別人口市区町村(外国人)'!Y49</f>
        <v>0</v>
      </c>
      <c r="BQ40" s="62">
        <f>'[1]年齢別人口市区町村(総数)'!Y49</f>
        <v>163</v>
      </c>
    </row>
    <row r="41" spans="1:69" x14ac:dyDescent="0.15">
      <c r="A41" s="31"/>
      <c r="B41" s="17" t="s">
        <v>29</v>
      </c>
      <c r="C41" s="45">
        <v>141119</v>
      </c>
      <c r="D41" s="18">
        <f>'[1]年齢別人口市区町村(日本人)'!D53</f>
        <v>100146</v>
      </c>
      <c r="E41" s="19">
        <f>'[1]年齢別人口市区町村(外国人)'!D53</f>
        <v>1898</v>
      </c>
      <c r="F41" s="19">
        <f>'[1]年齢別人口市区町村(総数)'!D53</f>
        <v>102044</v>
      </c>
      <c r="G41" s="19">
        <f>'[1]年齢別人口市区町村(日本人)'!E53</f>
        <v>3132</v>
      </c>
      <c r="H41" s="19">
        <f>'[1]年齢別人口市区町村(外国人)'!E53</f>
        <v>58</v>
      </c>
      <c r="I41" s="19">
        <f>'[1]年齢別人口市区町村(総数)'!E53</f>
        <v>3190</v>
      </c>
      <c r="J41" s="19">
        <f>'[1]年齢別人口市区町村(日本人)'!F53</f>
        <v>3729</v>
      </c>
      <c r="K41" s="19">
        <f>'[1]年齢別人口市区町村(外国人)'!F53</f>
        <v>69</v>
      </c>
      <c r="L41" s="19">
        <f>'[1]年齢別人口市区町村(総数)'!F53</f>
        <v>3798</v>
      </c>
      <c r="M41" s="19">
        <f>'[1]年齢別人口市区町村(日本人)'!G53</f>
        <v>4136</v>
      </c>
      <c r="N41" s="19">
        <f>'[1]年齢別人口市区町村(外国人)'!G53</f>
        <v>65</v>
      </c>
      <c r="O41" s="19">
        <f>'[1]年齢別人口市区町村(総数)'!G53</f>
        <v>4201</v>
      </c>
      <c r="P41" s="19">
        <f>'[1]年齢別人口市区町村(日本人)'!H53</f>
        <v>4582</v>
      </c>
      <c r="Q41" s="19">
        <f>'[1]年齢別人口市区町村(外国人)'!H53</f>
        <v>54</v>
      </c>
      <c r="R41" s="19">
        <f>'[1]年齢別人口市区町村(総数)'!H53</f>
        <v>4636</v>
      </c>
      <c r="S41" s="19">
        <f>'[1]年齢別人口市区町村(日本人)'!I53</f>
        <v>4775</v>
      </c>
      <c r="T41" s="19">
        <f>'[1]年齢別人口市区町村(外国人)'!I53</f>
        <v>191</v>
      </c>
      <c r="U41" s="19">
        <f>'[1]年齢別人口市区町村(総数)'!I53</f>
        <v>4966</v>
      </c>
      <c r="V41" s="19">
        <f>'[1]年齢別人口市区町村(日本人)'!J53</f>
        <v>4996</v>
      </c>
      <c r="W41" s="19">
        <f>'[1]年齢別人口市区町村(外国人)'!J53</f>
        <v>309</v>
      </c>
      <c r="X41" s="19">
        <f>'[1]年齢別人口市区町村(総数)'!J53</f>
        <v>5305</v>
      </c>
      <c r="Y41" s="19">
        <f>'[1]年齢別人口市区町村(日本人)'!K53</f>
        <v>4961</v>
      </c>
      <c r="Z41" s="19">
        <f>'[1]年齢別人口市区町村(外国人)'!K53</f>
        <v>269</v>
      </c>
      <c r="AA41" s="19">
        <f>'[1]年齢別人口市区町村(総数)'!K53</f>
        <v>5230</v>
      </c>
      <c r="AB41" s="19">
        <f>'[1]年齢別人口市区町村(日本人)'!L53</f>
        <v>5480</v>
      </c>
      <c r="AC41" s="19">
        <f>'[1]年齢別人口市区町村(外国人)'!L53</f>
        <v>222</v>
      </c>
      <c r="AD41" s="19">
        <f>'[1]年齢別人口市区町村(総数)'!L53</f>
        <v>5702</v>
      </c>
      <c r="AE41" s="19">
        <f>'[1]年齢別人口市区町村(日本人)'!M53</f>
        <v>6062</v>
      </c>
      <c r="AF41" s="19">
        <f>'[1]年齢別人口市区町村(外国人)'!M53</f>
        <v>161</v>
      </c>
      <c r="AG41" s="19">
        <f>'[1]年齢別人口市区町村(総数)'!M53</f>
        <v>6223</v>
      </c>
      <c r="AH41" s="19">
        <f>'[1]年齢別人口市区町村(日本人)'!N53</f>
        <v>6982</v>
      </c>
      <c r="AI41" s="19">
        <f>'[1]年齢別人口市区町村(外国人)'!N53</f>
        <v>141</v>
      </c>
      <c r="AJ41" s="19">
        <f>'[1]年齢別人口市区町村(総数)'!N53</f>
        <v>7123</v>
      </c>
      <c r="AK41" s="19">
        <f>'[1]年齢別人口市区町村(日本人)'!O53</f>
        <v>8737</v>
      </c>
      <c r="AL41" s="19">
        <f>'[1]年齢別人口市区町村(外国人)'!O53</f>
        <v>97</v>
      </c>
      <c r="AM41" s="19">
        <f>'[1]年齢別人口市区町村(総数)'!O53</f>
        <v>8834</v>
      </c>
      <c r="AN41" s="19">
        <f>'[1]年齢別人口市区町村(日本人)'!P53</f>
        <v>8439</v>
      </c>
      <c r="AO41" s="19">
        <f>'[1]年齢別人口市区町村(外国人)'!P53</f>
        <v>77</v>
      </c>
      <c r="AP41" s="19">
        <f>'[1]年齢別人口市区町村(総数)'!P53</f>
        <v>8516</v>
      </c>
      <c r="AQ41" s="19">
        <f>'[1]年齢別人口市区町村(日本人)'!Q53</f>
        <v>7336</v>
      </c>
      <c r="AR41" s="19">
        <f>'[1]年齢別人口市区町村(外国人)'!Q53</f>
        <v>64</v>
      </c>
      <c r="AS41" s="19">
        <f>'[1]年齢別人口市区町村(総数)'!Q53</f>
        <v>7400</v>
      </c>
      <c r="AT41" s="19">
        <f>'[1]年齢別人口市区町村(日本人)'!R53</f>
        <v>5701</v>
      </c>
      <c r="AU41" s="19">
        <f>'[1]年齢別人口市区町村(外国人)'!R53</f>
        <v>38</v>
      </c>
      <c r="AV41" s="19">
        <f>'[1]年齢別人口市区町村(総数)'!R53</f>
        <v>5739</v>
      </c>
      <c r="AW41" s="19">
        <f>'[1]年齢別人口市区町村(日本人)'!S53</f>
        <v>5538</v>
      </c>
      <c r="AX41" s="19">
        <f>'[1]年齢別人口市区町村(外国人)'!S53</f>
        <v>39</v>
      </c>
      <c r="AY41" s="19">
        <f>'[1]年齢別人口市区町村(総数)'!S53</f>
        <v>5577</v>
      </c>
      <c r="AZ41" s="19">
        <f>'[1]年齢別人口市区町村(日本人)'!T53</f>
        <v>6416</v>
      </c>
      <c r="BA41" s="19">
        <f>'[1]年齢別人口市区町村(外国人)'!T53</f>
        <v>24</v>
      </c>
      <c r="BB41" s="19">
        <f>'[1]年齢別人口市区町村(総数)'!T53</f>
        <v>6440</v>
      </c>
      <c r="BC41" s="19">
        <f>'[1]年齢別人口市区町村(日本人)'!U53</f>
        <v>4597</v>
      </c>
      <c r="BD41" s="19">
        <f>'[1]年齢別人口市区町村(外国人)'!U53</f>
        <v>17</v>
      </c>
      <c r="BE41" s="19">
        <f>'[1]年齢別人口市区町村(総数)'!U53</f>
        <v>4614</v>
      </c>
      <c r="BF41" s="19">
        <f>'[1]年齢別人口市区町村(日本人)'!V53</f>
        <v>3021</v>
      </c>
      <c r="BG41" s="19">
        <f>'[1]年齢別人口市区町村(外国人)'!V53</f>
        <v>2</v>
      </c>
      <c r="BH41" s="19">
        <f>'[1]年齢別人口市区町村(総数)'!V53</f>
        <v>3023</v>
      </c>
      <c r="BI41" s="19">
        <f>'[1]年齢別人口市区町村(日本人)'!W53</f>
        <v>1282</v>
      </c>
      <c r="BJ41" s="19">
        <f>'[1]年齢別人口市区町村(外国人)'!W53</f>
        <v>1</v>
      </c>
      <c r="BK41" s="19">
        <f>'[1]年齢別人口市区町村(総数)'!W53</f>
        <v>1283</v>
      </c>
      <c r="BL41" s="19">
        <f>'[1]年齢別人口市区町村(日本人)'!X53</f>
        <v>224</v>
      </c>
      <c r="BM41" s="19">
        <f>'[1]年齢別人口市区町村(外国人)'!X53</f>
        <v>0</v>
      </c>
      <c r="BN41" s="19">
        <f>'[1]年齢別人口市区町村(総数)'!X53</f>
        <v>224</v>
      </c>
      <c r="BO41" s="19">
        <f>'[1]年齢別人口市区町村(日本人)'!Y53</f>
        <v>20</v>
      </c>
      <c r="BP41" s="19">
        <f>'[1]年齢別人口市区町村(外国人)'!Y53</f>
        <v>0</v>
      </c>
      <c r="BQ41" s="60">
        <f>'[1]年齢別人口市区町村(総数)'!Y53</f>
        <v>20</v>
      </c>
    </row>
    <row r="42" spans="1:69" x14ac:dyDescent="0.15">
      <c r="A42" s="31" t="s">
        <v>44</v>
      </c>
      <c r="B42" s="21" t="s">
        <v>31</v>
      </c>
      <c r="C42" s="46"/>
      <c r="D42" s="22">
        <f>'[1]年齢別人口市区町村(日本人)'!D54</f>
        <v>106707</v>
      </c>
      <c r="E42" s="23">
        <f>'[1]年齢別人口市区町村(外国人)'!D54</f>
        <v>1945</v>
      </c>
      <c r="F42" s="24">
        <f>'[1]年齢別人口市区町村(総数)'!D54</f>
        <v>108652</v>
      </c>
      <c r="G42" s="23">
        <f>'[1]年齢別人口市区町村(日本人)'!E54</f>
        <v>3025</v>
      </c>
      <c r="H42" s="23">
        <f>'[1]年齢別人口市区町村(外国人)'!E54</f>
        <v>38</v>
      </c>
      <c r="I42" s="24">
        <f>'[1]年齢別人口市区町村(総数)'!E54</f>
        <v>3063</v>
      </c>
      <c r="J42" s="23">
        <f>'[1]年齢別人口市区町村(日本人)'!F54</f>
        <v>3556</v>
      </c>
      <c r="K42" s="23">
        <f>'[1]年齢別人口市区町村(外国人)'!F54</f>
        <v>52</v>
      </c>
      <c r="L42" s="24">
        <f>'[1]年齢別人口市区町村(総数)'!F54</f>
        <v>3608</v>
      </c>
      <c r="M42" s="23">
        <f>'[1]年齢別人口市区町村(日本人)'!G54</f>
        <v>3986</v>
      </c>
      <c r="N42" s="23">
        <f>'[1]年齢別人口市区町村(外国人)'!G54</f>
        <v>64</v>
      </c>
      <c r="O42" s="24">
        <f>'[1]年齢別人口市区町村(総数)'!G54</f>
        <v>4050</v>
      </c>
      <c r="P42" s="23">
        <f>'[1]年齢別人口市区町村(日本人)'!H54</f>
        <v>4345</v>
      </c>
      <c r="Q42" s="23">
        <f>'[1]年齢別人口市区町村(外国人)'!H54</f>
        <v>55</v>
      </c>
      <c r="R42" s="24">
        <f>'[1]年齢別人口市区町村(総数)'!H54</f>
        <v>4400</v>
      </c>
      <c r="S42" s="23">
        <f>'[1]年齢別人口市区町村(日本人)'!I54</f>
        <v>4820</v>
      </c>
      <c r="T42" s="23">
        <f>'[1]年齢別人口市区町村(外国人)'!I54</f>
        <v>123</v>
      </c>
      <c r="U42" s="24">
        <f>'[1]年齢別人口市区町村(総数)'!I54</f>
        <v>4943</v>
      </c>
      <c r="V42" s="23">
        <f>'[1]年齢別人口市区町村(日本人)'!J54</f>
        <v>4925</v>
      </c>
      <c r="W42" s="23">
        <f>'[1]年齢別人口市区町村(外国人)'!J54</f>
        <v>232</v>
      </c>
      <c r="X42" s="24">
        <f>'[1]年齢別人口市区町村(総数)'!J54</f>
        <v>5157</v>
      </c>
      <c r="Y42" s="23">
        <f>'[1]年齢別人口市区町村(日本人)'!K54</f>
        <v>5062</v>
      </c>
      <c r="Z42" s="23">
        <f>'[1]年齢別人口市区町村(外国人)'!K54</f>
        <v>222</v>
      </c>
      <c r="AA42" s="24">
        <f>'[1]年齢別人口市区町村(総数)'!K54</f>
        <v>5284</v>
      </c>
      <c r="AB42" s="23">
        <f>'[1]年齢別人口市区町村(日本人)'!L54</f>
        <v>5213</v>
      </c>
      <c r="AC42" s="23">
        <f>'[1]年齢別人口市区町村(外国人)'!L54</f>
        <v>205</v>
      </c>
      <c r="AD42" s="24">
        <f>'[1]年齢別人口市区町村(総数)'!L54</f>
        <v>5418</v>
      </c>
      <c r="AE42" s="23">
        <f>'[1]年齢別人口市区町村(日本人)'!M54</f>
        <v>5812</v>
      </c>
      <c r="AF42" s="23">
        <f>'[1]年齢別人口市区町村(外国人)'!M54</f>
        <v>188</v>
      </c>
      <c r="AG42" s="24">
        <f>'[1]年齢別人口市区町村(総数)'!M54</f>
        <v>6000</v>
      </c>
      <c r="AH42" s="23">
        <f>'[1]年齢別人口市区町村(日本人)'!N54</f>
        <v>6814</v>
      </c>
      <c r="AI42" s="23">
        <f>'[1]年齢別人口市区町村(外国人)'!N54</f>
        <v>151</v>
      </c>
      <c r="AJ42" s="24">
        <f>'[1]年齢別人口市区町村(総数)'!N54</f>
        <v>6965</v>
      </c>
      <c r="AK42" s="23">
        <f>'[1]年齢別人口市区町村(日本人)'!O54</f>
        <v>8720</v>
      </c>
      <c r="AL42" s="23">
        <f>'[1]年齢別人口市区町村(外国人)'!O54</f>
        <v>160</v>
      </c>
      <c r="AM42" s="24">
        <f>'[1]年齢別人口市区町村(総数)'!O54</f>
        <v>8880</v>
      </c>
      <c r="AN42" s="23">
        <f>'[1]年齢別人口市区町村(日本人)'!P54</f>
        <v>8256</v>
      </c>
      <c r="AO42" s="23">
        <f>'[1]年齢別人口市区町村(外国人)'!P54</f>
        <v>165</v>
      </c>
      <c r="AP42" s="24">
        <f>'[1]年齢別人口市区町村(総数)'!P54</f>
        <v>8421</v>
      </c>
      <c r="AQ42" s="23">
        <f>'[1]年齢別人口市区町村(日本人)'!Q54</f>
        <v>7197</v>
      </c>
      <c r="AR42" s="23">
        <f>'[1]年齢別人口市区町村(外国人)'!Q54</f>
        <v>97</v>
      </c>
      <c r="AS42" s="24">
        <f>'[1]年齢別人口市区町村(総数)'!Q54</f>
        <v>7294</v>
      </c>
      <c r="AT42" s="23">
        <f>'[1]年齢別人口市区町村(日本人)'!R54</f>
        <v>5874</v>
      </c>
      <c r="AU42" s="23">
        <f>'[1]年齢別人口市区町村(外国人)'!R54</f>
        <v>68</v>
      </c>
      <c r="AV42" s="24">
        <f>'[1]年齢別人口市区町村(総数)'!R54</f>
        <v>5942</v>
      </c>
      <c r="AW42" s="23">
        <f>'[1]年齢別人口市区町村(日本人)'!S54</f>
        <v>6267</v>
      </c>
      <c r="AX42" s="23">
        <f>'[1]年齢別人口市区町村(外国人)'!S54</f>
        <v>58</v>
      </c>
      <c r="AY42" s="24">
        <f>'[1]年齢別人口市区町村(総数)'!S54</f>
        <v>6325</v>
      </c>
      <c r="AZ42" s="23">
        <f>'[1]年齢別人口市区町村(日本人)'!T54</f>
        <v>8127</v>
      </c>
      <c r="BA42" s="23">
        <f>'[1]年齢別人口市区町村(外国人)'!T54</f>
        <v>32</v>
      </c>
      <c r="BB42" s="24">
        <f>'[1]年齢別人口市区町村(総数)'!T54</f>
        <v>8159</v>
      </c>
      <c r="BC42" s="23">
        <f>'[1]年齢別人口市区町村(日本人)'!U54</f>
        <v>6651</v>
      </c>
      <c r="BD42" s="23">
        <f>'[1]年齢別人口市区町村(外国人)'!U54</f>
        <v>26</v>
      </c>
      <c r="BE42" s="24">
        <f>'[1]年齢別人口市区町村(総数)'!U54</f>
        <v>6677</v>
      </c>
      <c r="BF42" s="23">
        <f>'[1]年齢別人口市区町村(日本人)'!V54</f>
        <v>4712</v>
      </c>
      <c r="BG42" s="23">
        <f>'[1]年齢別人口市区町村(外国人)'!V54</f>
        <v>8</v>
      </c>
      <c r="BH42" s="24">
        <f>'[1]年齢別人口市区町村(総数)'!V54</f>
        <v>4720</v>
      </c>
      <c r="BI42" s="23">
        <f>'[1]年齢別人口市区町村(日本人)'!W54</f>
        <v>2543</v>
      </c>
      <c r="BJ42" s="23">
        <f>'[1]年齢別人口市区町村(外国人)'!W54</f>
        <v>0</v>
      </c>
      <c r="BK42" s="24">
        <f>'[1]年齢別人口市区町村(総数)'!W54</f>
        <v>2543</v>
      </c>
      <c r="BL42" s="23">
        <f>'[1]年齢別人口市区町村(日本人)'!X54</f>
        <v>685</v>
      </c>
      <c r="BM42" s="23">
        <f>'[1]年齢別人口市区町村(外国人)'!X54</f>
        <v>1</v>
      </c>
      <c r="BN42" s="24">
        <f>'[1]年齢別人口市区町村(総数)'!X54</f>
        <v>686</v>
      </c>
      <c r="BO42" s="23">
        <f>'[1]年齢別人口市区町村(日本人)'!Y54</f>
        <v>117</v>
      </c>
      <c r="BP42" s="23">
        <f>'[1]年齢別人口市区町村(外国人)'!Y54</f>
        <v>0</v>
      </c>
      <c r="BQ42" s="61">
        <f>'[1]年齢別人口市区町村(総数)'!Y54</f>
        <v>117</v>
      </c>
    </row>
    <row r="43" spans="1:69" ht="15" thickBot="1" x14ac:dyDescent="0.2">
      <c r="A43" s="32"/>
      <c r="B43" s="25" t="s">
        <v>32</v>
      </c>
      <c r="C43" s="47"/>
      <c r="D43" s="26">
        <f>'[1]年齢別人口市区町村(日本人)'!D52</f>
        <v>206853</v>
      </c>
      <c r="E43" s="27">
        <f>'[1]年齢別人口市区町村(外国人)'!D52</f>
        <v>3843</v>
      </c>
      <c r="F43" s="28">
        <f>'[1]年齢別人口市区町村(総数)'!D52</f>
        <v>210696</v>
      </c>
      <c r="G43" s="27">
        <f>'[1]年齢別人口市区町村(日本人)'!E52</f>
        <v>6157</v>
      </c>
      <c r="H43" s="27">
        <f>'[1]年齢別人口市区町村(外国人)'!E52</f>
        <v>96</v>
      </c>
      <c r="I43" s="28">
        <f>'[1]年齢別人口市区町村(総数)'!E52</f>
        <v>6253</v>
      </c>
      <c r="J43" s="27">
        <f>'[1]年齢別人口市区町村(日本人)'!F52</f>
        <v>7285</v>
      </c>
      <c r="K43" s="27">
        <f>'[1]年齢別人口市区町村(外国人)'!F52</f>
        <v>121</v>
      </c>
      <c r="L43" s="28">
        <f>'[1]年齢別人口市区町村(総数)'!F52</f>
        <v>7406</v>
      </c>
      <c r="M43" s="27">
        <f>'[1]年齢別人口市区町村(日本人)'!G52</f>
        <v>8122</v>
      </c>
      <c r="N43" s="27">
        <f>'[1]年齢別人口市区町村(外国人)'!G52</f>
        <v>129</v>
      </c>
      <c r="O43" s="28">
        <f>'[1]年齢別人口市区町村(総数)'!G52</f>
        <v>8251</v>
      </c>
      <c r="P43" s="27">
        <f>'[1]年齢別人口市区町村(日本人)'!H52</f>
        <v>8927</v>
      </c>
      <c r="Q43" s="27">
        <f>'[1]年齢別人口市区町村(外国人)'!H52</f>
        <v>109</v>
      </c>
      <c r="R43" s="28">
        <f>'[1]年齢別人口市区町村(総数)'!H52</f>
        <v>9036</v>
      </c>
      <c r="S43" s="27">
        <f>'[1]年齢別人口市区町村(日本人)'!I52</f>
        <v>9595</v>
      </c>
      <c r="T43" s="27">
        <f>'[1]年齢別人口市区町村(外国人)'!I52</f>
        <v>314</v>
      </c>
      <c r="U43" s="28">
        <f>'[1]年齢別人口市区町村(総数)'!I52</f>
        <v>9909</v>
      </c>
      <c r="V43" s="27">
        <f>'[1]年齢別人口市区町村(日本人)'!J52</f>
        <v>9921</v>
      </c>
      <c r="W43" s="27">
        <f>'[1]年齢別人口市区町村(外国人)'!J52</f>
        <v>541</v>
      </c>
      <c r="X43" s="28">
        <f>'[1]年齢別人口市区町村(総数)'!J52</f>
        <v>10462</v>
      </c>
      <c r="Y43" s="27">
        <f>'[1]年齢別人口市区町村(日本人)'!K52</f>
        <v>10023</v>
      </c>
      <c r="Z43" s="27">
        <f>'[1]年齢別人口市区町村(外国人)'!K52</f>
        <v>491</v>
      </c>
      <c r="AA43" s="28">
        <f>'[1]年齢別人口市区町村(総数)'!K52</f>
        <v>10514</v>
      </c>
      <c r="AB43" s="27">
        <f>'[1]年齢別人口市区町村(日本人)'!L52</f>
        <v>10693</v>
      </c>
      <c r="AC43" s="27">
        <f>'[1]年齢別人口市区町村(外国人)'!L52</f>
        <v>427</v>
      </c>
      <c r="AD43" s="28">
        <f>'[1]年齢別人口市区町村(総数)'!L52</f>
        <v>11120</v>
      </c>
      <c r="AE43" s="27">
        <f>'[1]年齢別人口市区町村(日本人)'!M52</f>
        <v>11874</v>
      </c>
      <c r="AF43" s="27">
        <f>'[1]年齢別人口市区町村(外国人)'!M52</f>
        <v>349</v>
      </c>
      <c r="AG43" s="28">
        <f>'[1]年齢別人口市区町村(総数)'!M52</f>
        <v>12223</v>
      </c>
      <c r="AH43" s="27">
        <f>'[1]年齢別人口市区町村(日本人)'!N52</f>
        <v>13796</v>
      </c>
      <c r="AI43" s="27">
        <f>'[1]年齢別人口市区町村(外国人)'!N52</f>
        <v>292</v>
      </c>
      <c r="AJ43" s="28">
        <f>'[1]年齢別人口市区町村(総数)'!N52</f>
        <v>14088</v>
      </c>
      <c r="AK43" s="27">
        <f>'[1]年齢別人口市区町村(日本人)'!O52</f>
        <v>17457</v>
      </c>
      <c r="AL43" s="27">
        <f>'[1]年齢別人口市区町村(外国人)'!O52</f>
        <v>257</v>
      </c>
      <c r="AM43" s="28">
        <f>'[1]年齢別人口市区町村(総数)'!O52</f>
        <v>17714</v>
      </c>
      <c r="AN43" s="27">
        <f>'[1]年齢別人口市区町村(日本人)'!P52</f>
        <v>16695</v>
      </c>
      <c r="AO43" s="27">
        <f>'[1]年齢別人口市区町村(外国人)'!P52</f>
        <v>242</v>
      </c>
      <c r="AP43" s="28">
        <f>'[1]年齢別人口市区町村(総数)'!P52</f>
        <v>16937</v>
      </c>
      <c r="AQ43" s="27">
        <f>'[1]年齢別人口市区町村(日本人)'!Q52</f>
        <v>14533</v>
      </c>
      <c r="AR43" s="27">
        <f>'[1]年齢別人口市区町村(外国人)'!Q52</f>
        <v>161</v>
      </c>
      <c r="AS43" s="28">
        <f>'[1]年齢別人口市区町村(総数)'!Q52</f>
        <v>14694</v>
      </c>
      <c r="AT43" s="27">
        <f>'[1]年齢別人口市区町村(日本人)'!R52</f>
        <v>11575</v>
      </c>
      <c r="AU43" s="27">
        <f>'[1]年齢別人口市区町村(外国人)'!R52</f>
        <v>106</v>
      </c>
      <c r="AV43" s="28">
        <f>'[1]年齢別人口市区町村(総数)'!R52</f>
        <v>11681</v>
      </c>
      <c r="AW43" s="27">
        <f>'[1]年齢別人口市区町村(日本人)'!S52</f>
        <v>11805</v>
      </c>
      <c r="AX43" s="27">
        <f>'[1]年齢別人口市区町村(外国人)'!S52</f>
        <v>97</v>
      </c>
      <c r="AY43" s="28">
        <f>'[1]年齢別人口市区町村(総数)'!S52</f>
        <v>11902</v>
      </c>
      <c r="AZ43" s="27">
        <f>'[1]年齢別人口市区町村(日本人)'!T52</f>
        <v>14543</v>
      </c>
      <c r="BA43" s="27">
        <f>'[1]年齢別人口市区町村(外国人)'!T52</f>
        <v>56</v>
      </c>
      <c r="BB43" s="28">
        <f>'[1]年齢別人口市区町村(総数)'!T52</f>
        <v>14599</v>
      </c>
      <c r="BC43" s="27">
        <f>'[1]年齢別人口市区町村(日本人)'!U52</f>
        <v>11248</v>
      </c>
      <c r="BD43" s="27">
        <f>'[1]年齢別人口市区町村(外国人)'!U52</f>
        <v>43</v>
      </c>
      <c r="BE43" s="28">
        <f>'[1]年齢別人口市区町村(総数)'!U52</f>
        <v>11291</v>
      </c>
      <c r="BF43" s="27">
        <f>'[1]年齢別人口市区町村(日本人)'!V52</f>
        <v>7733</v>
      </c>
      <c r="BG43" s="27">
        <f>'[1]年齢別人口市区町村(外国人)'!V52</f>
        <v>10</v>
      </c>
      <c r="BH43" s="28">
        <f>'[1]年齢別人口市区町村(総数)'!V52</f>
        <v>7743</v>
      </c>
      <c r="BI43" s="27">
        <f>'[1]年齢別人口市区町村(日本人)'!W52</f>
        <v>3825</v>
      </c>
      <c r="BJ43" s="27">
        <f>'[1]年齢別人口市区町村(外国人)'!W52</f>
        <v>1</v>
      </c>
      <c r="BK43" s="28">
        <f>'[1]年齢別人口市区町村(総数)'!W52</f>
        <v>3826</v>
      </c>
      <c r="BL43" s="27">
        <f>'[1]年齢別人口市区町村(日本人)'!X52</f>
        <v>909</v>
      </c>
      <c r="BM43" s="27">
        <f>'[1]年齢別人口市区町村(外国人)'!X52</f>
        <v>1</v>
      </c>
      <c r="BN43" s="28">
        <f>'[1]年齢別人口市区町村(総数)'!X52</f>
        <v>910</v>
      </c>
      <c r="BO43" s="27">
        <f>'[1]年齢別人口市区町村(日本人)'!Y52</f>
        <v>137</v>
      </c>
      <c r="BP43" s="27">
        <f>'[1]年齢別人口市区町村(外国人)'!Y52</f>
        <v>0</v>
      </c>
      <c r="BQ43" s="62">
        <f>'[1]年齢別人口市区町村(総数)'!Y52</f>
        <v>137</v>
      </c>
    </row>
    <row r="44" spans="1:69" x14ac:dyDescent="0.15">
      <c r="A44" s="31"/>
      <c r="B44" s="17" t="s">
        <v>29</v>
      </c>
      <c r="C44" s="45">
        <v>141127</v>
      </c>
      <c r="D44" s="18">
        <f>'[1]年齢別人口市区町村(日本人)'!D56</f>
        <v>114814</v>
      </c>
      <c r="E44" s="19">
        <f>'[1]年齢別人口市区町村(外国人)'!D56</f>
        <v>2620</v>
      </c>
      <c r="F44" s="19">
        <f>'[1]年齢別人口市区町村(総数)'!D56</f>
        <v>117434</v>
      </c>
      <c r="G44" s="19">
        <f>'[1]年齢別人口市区町村(日本人)'!E56</f>
        <v>3608</v>
      </c>
      <c r="H44" s="19">
        <f>'[1]年齢別人口市区町村(外国人)'!E56</f>
        <v>85</v>
      </c>
      <c r="I44" s="19">
        <f>'[1]年齢別人口市区町村(総数)'!E56</f>
        <v>3693</v>
      </c>
      <c r="J44" s="19">
        <f>'[1]年齢別人口市区町村(日本人)'!F56</f>
        <v>4233</v>
      </c>
      <c r="K44" s="19">
        <f>'[1]年齢別人口市区町村(外国人)'!F56</f>
        <v>64</v>
      </c>
      <c r="L44" s="19">
        <f>'[1]年齢別人口市区町村(総数)'!F56</f>
        <v>4297</v>
      </c>
      <c r="M44" s="19">
        <f>'[1]年齢別人口市区町村(日本人)'!G56</f>
        <v>4898</v>
      </c>
      <c r="N44" s="19">
        <f>'[1]年齢別人口市区町村(外国人)'!G56</f>
        <v>48</v>
      </c>
      <c r="O44" s="19">
        <f>'[1]年齢別人口市区町村(総数)'!G56</f>
        <v>4946</v>
      </c>
      <c r="P44" s="19">
        <f>'[1]年齢別人口市区町村(日本人)'!H56</f>
        <v>5399</v>
      </c>
      <c r="Q44" s="19">
        <f>'[1]年齢別人口市区町村(外国人)'!H56</f>
        <v>75</v>
      </c>
      <c r="R44" s="19">
        <f>'[1]年齢別人口市区町村(総数)'!H56</f>
        <v>5474</v>
      </c>
      <c r="S44" s="19">
        <f>'[1]年齢別人口市区町村(日本人)'!I56</f>
        <v>5537</v>
      </c>
      <c r="T44" s="19">
        <f>'[1]年齢別人口市区町村(外国人)'!I56</f>
        <v>408</v>
      </c>
      <c r="U44" s="19">
        <f>'[1]年齢別人口市区町村(総数)'!I56</f>
        <v>5945</v>
      </c>
      <c r="V44" s="19">
        <f>'[1]年齢別人口市区町村(日本人)'!J56</f>
        <v>5461</v>
      </c>
      <c r="W44" s="19">
        <f>'[1]年齢別人口市区町村(外国人)'!J56</f>
        <v>580</v>
      </c>
      <c r="X44" s="19">
        <f>'[1]年齢別人口市区町村(総数)'!J56</f>
        <v>6041</v>
      </c>
      <c r="Y44" s="19">
        <f>'[1]年齢別人口市区町村(日本人)'!K56</f>
        <v>5904</v>
      </c>
      <c r="Z44" s="19">
        <f>'[1]年齢別人口市区町村(外国人)'!K56</f>
        <v>413</v>
      </c>
      <c r="AA44" s="19">
        <f>'[1]年齢別人口市区町村(総数)'!K56</f>
        <v>6317</v>
      </c>
      <c r="AB44" s="19">
        <f>'[1]年齢別人口市区町村(日本人)'!L56</f>
        <v>6075</v>
      </c>
      <c r="AC44" s="19">
        <f>'[1]年齢別人口市区町村(外国人)'!L56</f>
        <v>258</v>
      </c>
      <c r="AD44" s="19">
        <f>'[1]年齢別人口市区町村(総数)'!L56</f>
        <v>6333</v>
      </c>
      <c r="AE44" s="19">
        <f>'[1]年齢別人口市区町村(日本人)'!M56</f>
        <v>6930</v>
      </c>
      <c r="AF44" s="19">
        <f>'[1]年齢別人口市区町村(外国人)'!M56</f>
        <v>185</v>
      </c>
      <c r="AG44" s="19">
        <f>'[1]年齢別人口市区町村(総数)'!M56</f>
        <v>7115</v>
      </c>
      <c r="AH44" s="19">
        <f>'[1]年齢別人口市区町村(日本人)'!N56</f>
        <v>7984</v>
      </c>
      <c r="AI44" s="19">
        <f>'[1]年齢別人口市区町村(外国人)'!N56</f>
        <v>136</v>
      </c>
      <c r="AJ44" s="19">
        <f>'[1]年齢別人口市区町村(総数)'!N56</f>
        <v>8120</v>
      </c>
      <c r="AK44" s="19">
        <f>'[1]年齢別人口市区町村(日本人)'!O56</f>
        <v>9895</v>
      </c>
      <c r="AL44" s="19">
        <f>'[1]年齢別人口市区町村(外国人)'!O56</f>
        <v>98</v>
      </c>
      <c r="AM44" s="19">
        <f>'[1]年齢別人口市区町村(総数)'!O56</f>
        <v>9993</v>
      </c>
      <c r="AN44" s="19">
        <f>'[1]年齢別人口市区町村(日本人)'!P56</f>
        <v>9677</v>
      </c>
      <c r="AO44" s="19">
        <f>'[1]年齢別人口市区町村(外国人)'!P56</f>
        <v>81</v>
      </c>
      <c r="AP44" s="19">
        <f>'[1]年齢別人口市区町村(総数)'!P56</f>
        <v>9758</v>
      </c>
      <c r="AQ44" s="19">
        <f>'[1]年齢別人口市区町村(日本人)'!Q56</f>
        <v>8208</v>
      </c>
      <c r="AR44" s="19">
        <f>'[1]年齢別人口市区町村(外国人)'!Q56</f>
        <v>73</v>
      </c>
      <c r="AS44" s="19">
        <f>'[1]年齢別人口市区町村(総数)'!Q56</f>
        <v>8281</v>
      </c>
      <c r="AT44" s="19">
        <f>'[1]年齢別人口市区町村(日本人)'!R56</f>
        <v>6521</v>
      </c>
      <c r="AU44" s="19">
        <f>'[1]年齢別人口市区町村(外国人)'!R56</f>
        <v>37</v>
      </c>
      <c r="AV44" s="19">
        <f>'[1]年齢別人口市区町村(総数)'!R56</f>
        <v>6558</v>
      </c>
      <c r="AW44" s="19">
        <f>'[1]年齢別人口市区町村(日本人)'!S56</f>
        <v>6494</v>
      </c>
      <c r="AX44" s="19">
        <f>'[1]年齢別人口市区町村(外国人)'!S56</f>
        <v>38</v>
      </c>
      <c r="AY44" s="19">
        <f>'[1]年齢別人口市区町村(総数)'!S56</f>
        <v>6532</v>
      </c>
      <c r="AZ44" s="19">
        <f>'[1]年齢別人口市区町村(日本人)'!T56</f>
        <v>7397</v>
      </c>
      <c r="BA44" s="19">
        <f>'[1]年齢別人口市区町村(外国人)'!T56</f>
        <v>21</v>
      </c>
      <c r="BB44" s="19">
        <f>'[1]年齢別人口市区町村(総数)'!T56</f>
        <v>7418</v>
      </c>
      <c r="BC44" s="19">
        <f>'[1]年齢別人口市区町村(日本人)'!U56</f>
        <v>5310</v>
      </c>
      <c r="BD44" s="19">
        <f>'[1]年齢別人口市区町村(外国人)'!U56</f>
        <v>9</v>
      </c>
      <c r="BE44" s="19">
        <f>'[1]年齢別人口市区町村(総数)'!U56</f>
        <v>5319</v>
      </c>
      <c r="BF44" s="19">
        <f>'[1]年齢別人口市区町村(日本人)'!V56</f>
        <v>3542</v>
      </c>
      <c r="BG44" s="19">
        <f>'[1]年齢別人口市区町村(外国人)'!V56</f>
        <v>8</v>
      </c>
      <c r="BH44" s="19">
        <f>'[1]年齢別人口市区町村(総数)'!V56</f>
        <v>3550</v>
      </c>
      <c r="BI44" s="19">
        <f>'[1]年齢別人口市区町村(日本人)'!W56</f>
        <v>1428</v>
      </c>
      <c r="BJ44" s="19">
        <f>'[1]年齢別人口市区町村(外国人)'!W56</f>
        <v>1</v>
      </c>
      <c r="BK44" s="19">
        <f>'[1]年齢別人口市区町村(総数)'!W56</f>
        <v>1429</v>
      </c>
      <c r="BL44" s="19">
        <f>'[1]年齢別人口市区町村(日本人)'!X56</f>
        <v>292</v>
      </c>
      <c r="BM44" s="19">
        <f>'[1]年齢別人口市区町村(外国人)'!X56</f>
        <v>2</v>
      </c>
      <c r="BN44" s="19">
        <f>'[1]年齢別人口市区町村(総数)'!X56</f>
        <v>294</v>
      </c>
      <c r="BO44" s="19">
        <f>'[1]年齢別人口市区町村(日本人)'!Y56</f>
        <v>21</v>
      </c>
      <c r="BP44" s="19">
        <f>'[1]年齢別人口市区町村(外国人)'!Y56</f>
        <v>0</v>
      </c>
      <c r="BQ44" s="60">
        <f>'[1]年齢別人口市区町村(総数)'!Y56</f>
        <v>21</v>
      </c>
    </row>
    <row r="45" spans="1:69" x14ac:dyDescent="0.15">
      <c r="A45" s="31" t="s">
        <v>45</v>
      </c>
      <c r="B45" s="21" t="s">
        <v>31</v>
      </c>
      <c r="C45" s="46"/>
      <c r="D45" s="22">
        <f>'[1]年齢別人口市区町村(日本人)'!D57</f>
        <v>121396</v>
      </c>
      <c r="E45" s="23">
        <f>'[1]年齢別人口市区町村(外国人)'!D57</f>
        <v>2348</v>
      </c>
      <c r="F45" s="24">
        <f>'[1]年齢別人口市区町村(総数)'!D57</f>
        <v>123744</v>
      </c>
      <c r="G45" s="23">
        <f>'[1]年齢別人口市区町村(日本人)'!E57</f>
        <v>3375</v>
      </c>
      <c r="H45" s="23">
        <f>'[1]年齢別人口市区町村(外国人)'!E57</f>
        <v>87</v>
      </c>
      <c r="I45" s="24">
        <f>'[1]年齢別人口市区町村(総数)'!E57</f>
        <v>3462</v>
      </c>
      <c r="J45" s="23">
        <f>'[1]年齢別人口市区町村(日本人)'!F57</f>
        <v>4211</v>
      </c>
      <c r="K45" s="23">
        <f>'[1]年齢別人口市区町村(外国人)'!F57</f>
        <v>56</v>
      </c>
      <c r="L45" s="24">
        <f>'[1]年齢別人口市区町村(総数)'!F57</f>
        <v>4267</v>
      </c>
      <c r="M45" s="23">
        <f>'[1]年齢別人口市区町村(日本人)'!G57</f>
        <v>4758</v>
      </c>
      <c r="N45" s="23">
        <f>'[1]年齢別人口市区町村(外国人)'!G57</f>
        <v>58</v>
      </c>
      <c r="O45" s="24">
        <f>'[1]年齢別人口市区町村(総数)'!G57</f>
        <v>4816</v>
      </c>
      <c r="P45" s="23">
        <f>'[1]年齢別人口市区町村(日本人)'!H57</f>
        <v>5145</v>
      </c>
      <c r="Q45" s="23">
        <f>'[1]年齢別人口市区町村(外国人)'!H57</f>
        <v>49</v>
      </c>
      <c r="R45" s="24">
        <f>'[1]年齢別人口市区町村(総数)'!H57</f>
        <v>5194</v>
      </c>
      <c r="S45" s="23">
        <f>'[1]年齢別人口市区町村(日本人)'!I57</f>
        <v>5367</v>
      </c>
      <c r="T45" s="23">
        <f>'[1]年齢別人口市区町村(外国人)'!I57</f>
        <v>256</v>
      </c>
      <c r="U45" s="24">
        <f>'[1]年齢別人口市区町村(総数)'!I57</f>
        <v>5623</v>
      </c>
      <c r="V45" s="23">
        <f>'[1]年齢別人口市区町村(日本人)'!J57</f>
        <v>5715</v>
      </c>
      <c r="W45" s="23">
        <f>'[1]年齢別人口市区町村(外国人)'!J57</f>
        <v>404</v>
      </c>
      <c r="X45" s="24">
        <f>'[1]年齢別人口市区町村(総数)'!J57</f>
        <v>6119</v>
      </c>
      <c r="Y45" s="23">
        <f>'[1]年齢別人口市区町村(日本人)'!K57</f>
        <v>5619</v>
      </c>
      <c r="Z45" s="23">
        <f>'[1]年齢別人口市区町村(外国人)'!K57</f>
        <v>273</v>
      </c>
      <c r="AA45" s="24">
        <f>'[1]年齢別人口市区町村(総数)'!K57</f>
        <v>5892</v>
      </c>
      <c r="AB45" s="23">
        <f>'[1]年齢別人口市区町村(日本人)'!L57</f>
        <v>5694</v>
      </c>
      <c r="AC45" s="23">
        <f>'[1]年齢別人口市区町村(外国人)'!L57</f>
        <v>217</v>
      </c>
      <c r="AD45" s="24">
        <f>'[1]年齢別人口市区町村(総数)'!L57</f>
        <v>5911</v>
      </c>
      <c r="AE45" s="23">
        <f>'[1]年齢別人口市区町村(日本人)'!M57</f>
        <v>6715</v>
      </c>
      <c r="AF45" s="23">
        <f>'[1]年齢別人口市区町村(外国人)'!M57</f>
        <v>188</v>
      </c>
      <c r="AG45" s="24">
        <f>'[1]年齢別人口市区町村(総数)'!M57</f>
        <v>6903</v>
      </c>
      <c r="AH45" s="23">
        <f>'[1]年齢別人口市区町村(日本人)'!N57</f>
        <v>7680</v>
      </c>
      <c r="AI45" s="23">
        <f>'[1]年齢別人口市区町村(外国人)'!N57</f>
        <v>168</v>
      </c>
      <c r="AJ45" s="24">
        <f>'[1]年齢別人口市区町村(総数)'!N57</f>
        <v>7848</v>
      </c>
      <c r="AK45" s="23">
        <f>'[1]年齢別人口市区町村(日本人)'!O57</f>
        <v>9637</v>
      </c>
      <c r="AL45" s="23">
        <f>'[1]年齢別人口市区町村(外国人)'!O57</f>
        <v>144</v>
      </c>
      <c r="AM45" s="24">
        <f>'[1]年齢別人口市区町村(総数)'!O57</f>
        <v>9781</v>
      </c>
      <c r="AN45" s="23">
        <f>'[1]年齢別人口市区町村(日本人)'!P57</f>
        <v>9111</v>
      </c>
      <c r="AO45" s="23">
        <f>'[1]年齢別人口市区町村(外国人)'!P57</f>
        <v>143</v>
      </c>
      <c r="AP45" s="24">
        <f>'[1]年齢別人口市区町村(総数)'!P57</f>
        <v>9254</v>
      </c>
      <c r="AQ45" s="23">
        <f>'[1]年齢別人口市区町村(日本人)'!Q57</f>
        <v>7860</v>
      </c>
      <c r="AR45" s="23">
        <f>'[1]年齢別人口市区町村(外国人)'!Q57</f>
        <v>110</v>
      </c>
      <c r="AS45" s="24">
        <f>'[1]年齢別人口市区町村(総数)'!Q57</f>
        <v>7970</v>
      </c>
      <c r="AT45" s="23">
        <f>'[1]年齢別人口市区町村(日本人)'!R57</f>
        <v>6714</v>
      </c>
      <c r="AU45" s="23">
        <f>'[1]年齢別人口市区町村(外国人)'!R57</f>
        <v>85</v>
      </c>
      <c r="AV45" s="24">
        <f>'[1]年齢別人口市区町村(総数)'!R57</f>
        <v>6799</v>
      </c>
      <c r="AW45" s="23">
        <f>'[1]年齢別人口市区町村(日本人)'!S57</f>
        <v>7192</v>
      </c>
      <c r="AX45" s="23">
        <f>'[1]年齢別人口市区町村(外国人)'!S57</f>
        <v>45</v>
      </c>
      <c r="AY45" s="24">
        <f>'[1]年齢別人口市区町村(総数)'!S57</f>
        <v>7237</v>
      </c>
      <c r="AZ45" s="23">
        <f>'[1]年齢別人口市区町村(日本人)'!T57</f>
        <v>9093</v>
      </c>
      <c r="BA45" s="23">
        <f>'[1]年齢別人口市区町村(外国人)'!T57</f>
        <v>26</v>
      </c>
      <c r="BB45" s="24">
        <f>'[1]年齢別人口市区町村(総数)'!T57</f>
        <v>9119</v>
      </c>
      <c r="BC45" s="23">
        <f>'[1]年齢別人口市区町村(日本人)'!U57</f>
        <v>7528</v>
      </c>
      <c r="BD45" s="23">
        <f>'[1]年齢別人口市区町村(外国人)'!U57</f>
        <v>20</v>
      </c>
      <c r="BE45" s="24">
        <f>'[1]年齢別人口市区町村(総数)'!U57</f>
        <v>7548</v>
      </c>
      <c r="BF45" s="23">
        <f>'[1]年齢別人口市区町村(日本人)'!V57</f>
        <v>5756</v>
      </c>
      <c r="BG45" s="23">
        <f>'[1]年齢別人口市区町村(外国人)'!V57</f>
        <v>10</v>
      </c>
      <c r="BH45" s="24">
        <f>'[1]年齢別人口市区町村(総数)'!V57</f>
        <v>5766</v>
      </c>
      <c r="BI45" s="23">
        <f>'[1]年齢別人口市区町村(日本人)'!W57</f>
        <v>3115</v>
      </c>
      <c r="BJ45" s="23">
        <f>'[1]年齢別人口市区町村(外国人)'!W57</f>
        <v>7</v>
      </c>
      <c r="BK45" s="24">
        <f>'[1]年齢別人口市区町村(総数)'!W57</f>
        <v>3122</v>
      </c>
      <c r="BL45" s="23">
        <f>'[1]年齢別人口市区町村(日本人)'!X57</f>
        <v>958</v>
      </c>
      <c r="BM45" s="23">
        <f>'[1]年齢別人口市区町村(外国人)'!X57</f>
        <v>1</v>
      </c>
      <c r="BN45" s="24">
        <f>'[1]年齢別人口市区町村(総数)'!X57</f>
        <v>959</v>
      </c>
      <c r="BO45" s="23">
        <f>'[1]年齢別人口市区町村(日本人)'!Y57</f>
        <v>153</v>
      </c>
      <c r="BP45" s="23">
        <f>'[1]年齢別人口市区町村(外国人)'!Y57</f>
        <v>0</v>
      </c>
      <c r="BQ45" s="61">
        <f>'[1]年齢別人口市区町村(総数)'!Y57</f>
        <v>153</v>
      </c>
    </row>
    <row r="46" spans="1:69" ht="15" thickBot="1" x14ac:dyDescent="0.2">
      <c r="A46" s="32"/>
      <c r="B46" s="25" t="s">
        <v>32</v>
      </c>
      <c r="C46" s="47"/>
      <c r="D46" s="26">
        <f>'[1]年齢別人口市区町村(日本人)'!D55</f>
        <v>236210</v>
      </c>
      <c r="E46" s="27">
        <f>'[1]年齢別人口市区町村(外国人)'!D55</f>
        <v>4968</v>
      </c>
      <c r="F46" s="28">
        <f>'[1]年齢別人口市区町村(総数)'!D55</f>
        <v>241178</v>
      </c>
      <c r="G46" s="27">
        <f>'[1]年齢別人口市区町村(日本人)'!E55</f>
        <v>6983</v>
      </c>
      <c r="H46" s="27">
        <f>'[1]年齢別人口市区町村(外国人)'!E55</f>
        <v>172</v>
      </c>
      <c r="I46" s="28">
        <f>'[1]年齢別人口市区町村(総数)'!E55</f>
        <v>7155</v>
      </c>
      <c r="J46" s="27">
        <f>'[1]年齢別人口市区町村(日本人)'!F55</f>
        <v>8444</v>
      </c>
      <c r="K46" s="27">
        <f>'[1]年齢別人口市区町村(外国人)'!F55</f>
        <v>120</v>
      </c>
      <c r="L46" s="28">
        <f>'[1]年齢別人口市区町村(総数)'!F55</f>
        <v>8564</v>
      </c>
      <c r="M46" s="27">
        <f>'[1]年齢別人口市区町村(日本人)'!G55</f>
        <v>9656</v>
      </c>
      <c r="N46" s="27">
        <f>'[1]年齢別人口市区町村(外国人)'!G55</f>
        <v>106</v>
      </c>
      <c r="O46" s="28">
        <f>'[1]年齢別人口市区町村(総数)'!G55</f>
        <v>9762</v>
      </c>
      <c r="P46" s="27">
        <f>'[1]年齢別人口市区町村(日本人)'!H55</f>
        <v>10544</v>
      </c>
      <c r="Q46" s="27">
        <f>'[1]年齢別人口市区町村(外国人)'!H55</f>
        <v>124</v>
      </c>
      <c r="R46" s="28">
        <f>'[1]年齢別人口市区町村(総数)'!H55</f>
        <v>10668</v>
      </c>
      <c r="S46" s="27">
        <f>'[1]年齢別人口市区町村(日本人)'!I55</f>
        <v>10904</v>
      </c>
      <c r="T46" s="27">
        <f>'[1]年齢別人口市区町村(外国人)'!I55</f>
        <v>664</v>
      </c>
      <c r="U46" s="28">
        <f>'[1]年齢別人口市区町村(総数)'!I55</f>
        <v>11568</v>
      </c>
      <c r="V46" s="27">
        <f>'[1]年齢別人口市区町村(日本人)'!J55</f>
        <v>11176</v>
      </c>
      <c r="W46" s="27">
        <f>'[1]年齢別人口市区町村(外国人)'!J55</f>
        <v>984</v>
      </c>
      <c r="X46" s="28">
        <f>'[1]年齢別人口市区町村(総数)'!J55</f>
        <v>12160</v>
      </c>
      <c r="Y46" s="27">
        <f>'[1]年齢別人口市区町村(日本人)'!K55</f>
        <v>11523</v>
      </c>
      <c r="Z46" s="27">
        <f>'[1]年齢別人口市区町村(外国人)'!K55</f>
        <v>686</v>
      </c>
      <c r="AA46" s="28">
        <f>'[1]年齢別人口市区町村(総数)'!K55</f>
        <v>12209</v>
      </c>
      <c r="AB46" s="27">
        <f>'[1]年齢別人口市区町村(日本人)'!L55</f>
        <v>11769</v>
      </c>
      <c r="AC46" s="27">
        <f>'[1]年齢別人口市区町村(外国人)'!L55</f>
        <v>475</v>
      </c>
      <c r="AD46" s="28">
        <f>'[1]年齢別人口市区町村(総数)'!L55</f>
        <v>12244</v>
      </c>
      <c r="AE46" s="27">
        <f>'[1]年齢別人口市区町村(日本人)'!M55</f>
        <v>13645</v>
      </c>
      <c r="AF46" s="27">
        <f>'[1]年齢別人口市区町村(外国人)'!M55</f>
        <v>373</v>
      </c>
      <c r="AG46" s="28">
        <f>'[1]年齢別人口市区町村(総数)'!M55</f>
        <v>14018</v>
      </c>
      <c r="AH46" s="27">
        <f>'[1]年齢別人口市区町村(日本人)'!N55</f>
        <v>15664</v>
      </c>
      <c r="AI46" s="27">
        <f>'[1]年齢別人口市区町村(外国人)'!N55</f>
        <v>304</v>
      </c>
      <c r="AJ46" s="28">
        <f>'[1]年齢別人口市区町村(総数)'!N55</f>
        <v>15968</v>
      </c>
      <c r="AK46" s="27">
        <f>'[1]年齢別人口市区町村(日本人)'!O55</f>
        <v>19532</v>
      </c>
      <c r="AL46" s="27">
        <f>'[1]年齢別人口市区町村(外国人)'!O55</f>
        <v>242</v>
      </c>
      <c r="AM46" s="28">
        <f>'[1]年齢別人口市区町村(総数)'!O55</f>
        <v>19774</v>
      </c>
      <c r="AN46" s="27">
        <f>'[1]年齢別人口市区町村(日本人)'!P55</f>
        <v>18788</v>
      </c>
      <c r="AO46" s="27">
        <f>'[1]年齢別人口市区町村(外国人)'!P55</f>
        <v>224</v>
      </c>
      <c r="AP46" s="28">
        <f>'[1]年齢別人口市区町村(総数)'!P55</f>
        <v>19012</v>
      </c>
      <c r="AQ46" s="27">
        <f>'[1]年齢別人口市区町村(日本人)'!Q55</f>
        <v>16068</v>
      </c>
      <c r="AR46" s="27">
        <f>'[1]年齢別人口市区町村(外国人)'!Q55</f>
        <v>183</v>
      </c>
      <c r="AS46" s="28">
        <f>'[1]年齢別人口市区町村(総数)'!Q55</f>
        <v>16251</v>
      </c>
      <c r="AT46" s="27">
        <f>'[1]年齢別人口市区町村(日本人)'!R55</f>
        <v>13235</v>
      </c>
      <c r="AU46" s="27">
        <f>'[1]年齢別人口市区町村(外国人)'!R55</f>
        <v>122</v>
      </c>
      <c r="AV46" s="28">
        <f>'[1]年齢別人口市区町村(総数)'!R55</f>
        <v>13357</v>
      </c>
      <c r="AW46" s="27">
        <f>'[1]年齢別人口市区町村(日本人)'!S55</f>
        <v>13686</v>
      </c>
      <c r="AX46" s="27">
        <f>'[1]年齢別人口市区町村(外国人)'!S55</f>
        <v>83</v>
      </c>
      <c r="AY46" s="28">
        <f>'[1]年齢別人口市区町村(総数)'!S55</f>
        <v>13769</v>
      </c>
      <c r="AZ46" s="27">
        <f>'[1]年齢別人口市区町村(日本人)'!T55</f>
        <v>16490</v>
      </c>
      <c r="BA46" s="27">
        <f>'[1]年齢別人口市区町村(外国人)'!T55</f>
        <v>47</v>
      </c>
      <c r="BB46" s="28">
        <f>'[1]年齢別人口市区町村(総数)'!T55</f>
        <v>16537</v>
      </c>
      <c r="BC46" s="27">
        <f>'[1]年齢別人口市区町村(日本人)'!U55</f>
        <v>12838</v>
      </c>
      <c r="BD46" s="27">
        <f>'[1]年齢別人口市区町村(外国人)'!U55</f>
        <v>29</v>
      </c>
      <c r="BE46" s="28">
        <f>'[1]年齢別人口市区町村(総数)'!U55</f>
        <v>12867</v>
      </c>
      <c r="BF46" s="27">
        <f>'[1]年齢別人口市区町村(日本人)'!V55</f>
        <v>9298</v>
      </c>
      <c r="BG46" s="27">
        <f>'[1]年齢別人口市区町村(外国人)'!V55</f>
        <v>18</v>
      </c>
      <c r="BH46" s="28">
        <f>'[1]年齢別人口市区町村(総数)'!V55</f>
        <v>9316</v>
      </c>
      <c r="BI46" s="27">
        <f>'[1]年齢別人口市区町村(日本人)'!W55</f>
        <v>4543</v>
      </c>
      <c r="BJ46" s="27">
        <f>'[1]年齢別人口市区町村(外国人)'!W55</f>
        <v>8</v>
      </c>
      <c r="BK46" s="28">
        <f>'[1]年齢別人口市区町村(総数)'!W55</f>
        <v>4551</v>
      </c>
      <c r="BL46" s="27">
        <f>'[1]年齢別人口市区町村(日本人)'!X55</f>
        <v>1250</v>
      </c>
      <c r="BM46" s="27">
        <f>'[1]年齢別人口市区町村(外国人)'!X55</f>
        <v>3</v>
      </c>
      <c r="BN46" s="28">
        <f>'[1]年齢別人口市区町村(総数)'!X55</f>
        <v>1253</v>
      </c>
      <c r="BO46" s="27">
        <f>'[1]年齢別人口市区町村(日本人)'!Y55</f>
        <v>174</v>
      </c>
      <c r="BP46" s="27">
        <f>'[1]年齢別人口市区町村(外国人)'!Y55</f>
        <v>0</v>
      </c>
      <c r="BQ46" s="62">
        <f>'[1]年齢別人口市区町村(総数)'!Y55</f>
        <v>174</v>
      </c>
    </row>
    <row r="47" spans="1:69" x14ac:dyDescent="0.15">
      <c r="A47" s="31"/>
      <c r="B47" s="17" t="s">
        <v>29</v>
      </c>
      <c r="C47" s="45">
        <v>141135</v>
      </c>
      <c r="D47" s="18">
        <f>'[1]年齢別人口市区町村(日本人)'!D59</f>
        <v>86200</v>
      </c>
      <c r="E47" s="19">
        <f>'[1]年齢別人口市区町村(外国人)'!D59</f>
        <v>2985</v>
      </c>
      <c r="F47" s="19">
        <f>'[1]年齢別人口市区町村(総数)'!D59</f>
        <v>89185</v>
      </c>
      <c r="G47" s="19">
        <f>'[1]年齢別人口市区町村(日本人)'!E59</f>
        <v>2854</v>
      </c>
      <c r="H47" s="19">
        <f>'[1]年齢別人口市区町村(外国人)'!E59</f>
        <v>179</v>
      </c>
      <c r="I47" s="19">
        <f>'[1]年齢別人口市区町村(総数)'!E59</f>
        <v>3033</v>
      </c>
      <c r="J47" s="19">
        <f>'[1]年齢別人口市区町村(日本人)'!F59</f>
        <v>3541</v>
      </c>
      <c r="K47" s="19">
        <f>'[1]年齢別人口市区町村(外国人)'!F59</f>
        <v>207</v>
      </c>
      <c r="L47" s="19">
        <f>'[1]年齢別人口市区町村(総数)'!F59</f>
        <v>3748</v>
      </c>
      <c r="M47" s="19">
        <f>'[1]年齢別人口市区町村(日本人)'!G59</f>
        <v>3897</v>
      </c>
      <c r="N47" s="19">
        <f>'[1]年齢別人口市区町村(外国人)'!G59</f>
        <v>163</v>
      </c>
      <c r="O47" s="19">
        <f>'[1]年齢別人口市区町村(総数)'!G59</f>
        <v>4060</v>
      </c>
      <c r="P47" s="19">
        <f>'[1]年齢別人口市区町村(日本人)'!H59</f>
        <v>4349</v>
      </c>
      <c r="Q47" s="19">
        <f>'[1]年齢別人口市区町村(外国人)'!H59</f>
        <v>75</v>
      </c>
      <c r="R47" s="19">
        <f>'[1]年齢別人口市区町村(総数)'!H59</f>
        <v>4424</v>
      </c>
      <c r="S47" s="19">
        <f>'[1]年齢別人口市区町村(日本人)'!I59</f>
        <v>4590</v>
      </c>
      <c r="T47" s="19">
        <f>'[1]年齢別人口市区町村(外国人)'!I59</f>
        <v>243</v>
      </c>
      <c r="U47" s="19">
        <f>'[1]年齢別人口市区町村(総数)'!I59</f>
        <v>4833</v>
      </c>
      <c r="V47" s="19">
        <f>'[1]年齢別人口市区町村(日本人)'!J59</f>
        <v>4743</v>
      </c>
      <c r="W47" s="19">
        <f>'[1]年齢別人口市区町村(外国人)'!J59</f>
        <v>431</v>
      </c>
      <c r="X47" s="19">
        <f>'[1]年齢別人口市区町村(総数)'!J59</f>
        <v>5174</v>
      </c>
      <c r="Y47" s="19">
        <f>'[1]年齢別人口市区町村(日本人)'!K59</f>
        <v>4654</v>
      </c>
      <c r="Z47" s="19">
        <f>'[1]年齢別人口市区町村(外国人)'!K59</f>
        <v>420</v>
      </c>
      <c r="AA47" s="19">
        <f>'[1]年齢別人口市区町村(総数)'!K59</f>
        <v>5074</v>
      </c>
      <c r="AB47" s="19">
        <f>'[1]年齢別人口市区町村(日本人)'!L59</f>
        <v>4860</v>
      </c>
      <c r="AC47" s="19">
        <f>'[1]年齢別人口市区町村(外国人)'!L59</f>
        <v>392</v>
      </c>
      <c r="AD47" s="19">
        <f>'[1]年齢別人口市区町村(総数)'!L59</f>
        <v>5252</v>
      </c>
      <c r="AE47" s="19">
        <f>'[1]年齢別人口市区町村(日本人)'!M59</f>
        <v>5392</v>
      </c>
      <c r="AF47" s="19">
        <f>'[1]年齢別人口市区町村(外国人)'!M59</f>
        <v>344</v>
      </c>
      <c r="AG47" s="19">
        <f>'[1]年齢別人口市区町村(総数)'!M59</f>
        <v>5736</v>
      </c>
      <c r="AH47" s="19">
        <f>'[1]年齢別人口市区町村(日本人)'!N59</f>
        <v>6255</v>
      </c>
      <c r="AI47" s="19">
        <f>'[1]年齢別人口市区町村(外国人)'!N59</f>
        <v>196</v>
      </c>
      <c r="AJ47" s="19">
        <f>'[1]年齢別人口市区町村(総数)'!N59</f>
        <v>6451</v>
      </c>
      <c r="AK47" s="19">
        <f>'[1]年齢別人口市区町村(日本人)'!O59</f>
        <v>7631</v>
      </c>
      <c r="AL47" s="19">
        <f>'[1]年齢別人口市区町村(外国人)'!O59</f>
        <v>95</v>
      </c>
      <c r="AM47" s="19">
        <f>'[1]年齢別人口市区町村(総数)'!O59</f>
        <v>7726</v>
      </c>
      <c r="AN47" s="19">
        <f>'[1]年齢別人口市区町村(日本人)'!P59</f>
        <v>7481</v>
      </c>
      <c r="AO47" s="19">
        <f>'[1]年齢別人口市区町村(外国人)'!P59</f>
        <v>87</v>
      </c>
      <c r="AP47" s="19">
        <f>'[1]年齢別人口市区町村(総数)'!P59</f>
        <v>7568</v>
      </c>
      <c r="AQ47" s="19">
        <f>'[1]年齢別人口市区町村(日本人)'!Q59</f>
        <v>5974</v>
      </c>
      <c r="AR47" s="19">
        <f>'[1]年齢別人口市区町村(外国人)'!Q59</f>
        <v>56</v>
      </c>
      <c r="AS47" s="19">
        <f>'[1]年齢別人口市区町村(総数)'!Q59</f>
        <v>6030</v>
      </c>
      <c r="AT47" s="19">
        <f>'[1]年齢別人口市区町村(日本人)'!R59</f>
        <v>4552</v>
      </c>
      <c r="AU47" s="19">
        <f>'[1]年齢別人口市区町村(外国人)'!R59</f>
        <v>38</v>
      </c>
      <c r="AV47" s="19">
        <f>'[1]年齢別人口市区町村(総数)'!R59</f>
        <v>4590</v>
      </c>
      <c r="AW47" s="19">
        <f>'[1]年齢別人口市区町村(日本人)'!S59</f>
        <v>4277</v>
      </c>
      <c r="AX47" s="19">
        <f>'[1]年齢別人口市区町村(外国人)'!S59</f>
        <v>25</v>
      </c>
      <c r="AY47" s="19">
        <f>'[1]年齢別人口市区町村(総数)'!S59</f>
        <v>4302</v>
      </c>
      <c r="AZ47" s="19">
        <f>'[1]年齢別人口市区町村(日本人)'!T59</f>
        <v>4633</v>
      </c>
      <c r="BA47" s="19">
        <f>'[1]年齢別人口市区町村(外国人)'!T59</f>
        <v>18</v>
      </c>
      <c r="BB47" s="19">
        <f>'[1]年齢別人口市区町村(総数)'!T59</f>
        <v>4651</v>
      </c>
      <c r="BC47" s="19">
        <f>'[1]年齢別人口市区町村(日本人)'!U59</f>
        <v>3352</v>
      </c>
      <c r="BD47" s="19">
        <f>'[1]年齢別人口市区町村(外国人)'!U59</f>
        <v>5</v>
      </c>
      <c r="BE47" s="19">
        <f>'[1]年齢別人口市区町村(総数)'!U59</f>
        <v>3357</v>
      </c>
      <c r="BF47" s="19">
        <f>'[1]年齢別人口市区町村(日本人)'!V59</f>
        <v>2124</v>
      </c>
      <c r="BG47" s="19">
        <f>'[1]年齢別人口市区町村(外国人)'!V59</f>
        <v>8</v>
      </c>
      <c r="BH47" s="19">
        <f>'[1]年齢別人口市区町村(総数)'!V59</f>
        <v>2132</v>
      </c>
      <c r="BI47" s="19">
        <f>'[1]年齢別人口市区町村(日本人)'!W59</f>
        <v>859</v>
      </c>
      <c r="BJ47" s="19">
        <f>'[1]年齢別人口市区町村(外国人)'!W59</f>
        <v>2</v>
      </c>
      <c r="BK47" s="19">
        <f>'[1]年齢別人口市区町村(総数)'!W59</f>
        <v>861</v>
      </c>
      <c r="BL47" s="19">
        <f>'[1]年齢別人口市区町村(日本人)'!X59</f>
        <v>163</v>
      </c>
      <c r="BM47" s="19">
        <f>'[1]年齢別人口市区町村(外国人)'!X59</f>
        <v>0</v>
      </c>
      <c r="BN47" s="19">
        <f>'[1]年齢別人口市区町村(総数)'!X59</f>
        <v>163</v>
      </c>
      <c r="BO47" s="19">
        <f>'[1]年齢別人口市区町村(日本人)'!Y59</f>
        <v>19</v>
      </c>
      <c r="BP47" s="19">
        <f>'[1]年齢別人口市区町村(外国人)'!Y59</f>
        <v>0</v>
      </c>
      <c r="BQ47" s="60">
        <f>'[1]年齢別人口市区町村(総数)'!Y59</f>
        <v>19</v>
      </c>
    </row>
    <row r="48" spans="1:69" x14ac:dyDescent="0.15">
      <c r="A48" s="31" t="s">
        <v>46</v>
      </c>
      <c r="B48" s="21" t="s">
        <v>31</v>
      </c>
      <c r="C48" s="46"/>
      <c r="D48" s="22">
        <f>'[1]年齢別人口市区町村(日本人)'!D60</f>
        <v>88870</v>
      </c>
      <c r="E48" s="23">
        <f>'[1]年齢別人口市区町村(外国人)'!D60</f>
        <v>3041</v>
      </c>
      <c r="F48" s="24">
        <f>'[1]年齢別人口市区町村(総数)'!D60</f>
        <v>91911</v>
      </c>
      <c r="G48" s="23">
        <f>'[1]年齢別人口市区町村(日本人)'!E60</f>
        <v>2609</v>
      </c>
      <c r="H48" s="23">
        <f>'[1]年齢別人口市区町村(外国人)'!E60</f>
        <v>148</v>
      </c>
      <c r="I48" s="24">
        <f>'[1]年齢別人口市区町村(総数)'!E60</f>
        <v>2757</v>
      </c>
      <c r="J48" s="23">
        <f>'[1]年齢別人口市区町村(日本人)'!F60</f>
        <v>3372</v>
      </c>
      <c r="K48" s="23">
        <f>'[1]年齢別人口市区町村(外国人)'!F60</f>
        <v>198</v>
      </c>
      <c r="L48" s="24">
        <f>'[1]年齢別人口市区町村(総数)'!F60</f>
        <v>3570</v>
      </c>
      <c r="M48" s="23">
        <f>'[1]年齢別人口市区町村(日本人)'!G60</f>
        <v>3668</v>
      </c>
      <c r="N48" s="23">
        <f>'[1]年齢別人口市区町村(外国人)'!G60</f>
        <v>133</v>
      </c>
      <c r="O48" s="24">
        <f>'[1]年齢別人口市区町村(総数)'!G60</f>
        <v>3801</v>
      </c>
      <c r="P48" s="23">
        <f>'[1]年齢別人口市区町村(日本人)'!H60</f>
        <v>4014</v>
      </c>
      <c r="Q48" s="23">
        <f>'[1]年齢別人口市区町村(外国人)'!H60</f>
        <v>82</v>
      </c>
      <c r="R48" s="24">
        <f>'[1]年齢別人口市区町村(総数)'!H60</f>
        <v>4096</v>
      </c>
      <c r="S48" s="23">
        <f>'[1]年齢別人口市区町村(日本人)'!I60</f>
        <v>4634</v>
      </c>
      <c r="T48" s="23">
        <f>'[1]年齢別人口市区町村(外国人)'!I60</f>
        <v>208</v>
      </c>
      <c r="U48" s="24">
        <f>'[1]年齢別人口市区町村(総数)'!I60</f>
        <v>4842</v>
      </c>
      <c r="V48" s="23">
        <f>'[1]年齢別人口市区町村(日本人)'!J60</f>
        <v>4737</v>
      </c>
      <c r="W48" s="23">
        <f>'[1]年齢別人口市区町村(外国人)'!J60</f>
        <v>427</v>
      </c>
      <c r="X48" s="24">
        <f>'[1]年齢別人口市区町村(総数)'!J60</f>
        <v>5164</v>
      </c>
      <c r="Y48" s="23">
        <f>'[1]年齢別人口市区町村(日本人)'!K60</f>
        <v>4517</v>
      </c>
      <c r="Z48" s="23">
        <f>'[1]年齢別人口市区町村(外国人)'!K60</f>
        <v>412</v>
      </c>
      <c r="AA48" s="24">
        <f>'[1]年齢別人口市区町村(総数)'!K60</f>
        <v>4929</v>
      </c>
      <c r="AB48" s="23">
        <f>'[1]年齢別人口市区町村(日本人)'!L60</f>
        <v>4545</v>
      </c>
      <c r="AC48" s="23">
        <f>'[1]年齢別人口市区町村(外国人)'!L60</f>
        <v>393</v>
      </c>
      <c r="AD48" s="24">
        <f>'[1]年齢別人口市区町村(総数)'!L60</f>
        <v>4938</v>
      </c>
      <c r="AE48" s="23">
        <f>'[1]年齢別人口市区町村(日本人)'!M60</f>
        <v>5299</v>
      </c>
      <c r="AF48" s="23">
        <f>'[1]年齢別人口市区町村(外国人)'!M60</f>
        <v>270</v>
      </c>
      <c r="AG48" s="24">
        <f>'[1]年齢別人口市区町村(総数)'!M60</f>
        <v>5569</v>
      </c>
      <c r="AH48" s="23">
        <f>'[1]年齢別人口市区町村(日本人)'!N60</f>
        <v>6046</v>
      </c>
      <c r="AI48" s="23">
        <f>'[1]年齢別人口市区町村(外国人)'!N60</f>
        <v>185</v>
      </c>
      <c r="AJ48" s="24">
        <f>'[1]年齢別人口市区町村(総数)'!N60</f>
        <v>6231</v>
      </c>
      <c r="AK48" s="23">
        <f>'[1]年齢別人口市区町村(日本人)'!O60</f>
        <v>7550</v>
      </c>
      <c r="AL48" s="23">
        <f>'[1]年齢別人口市区町村(外国人)'!O60</f>
        <v>153</v>
      </c>
      <c r="AM48" s="24">
        <f>'[1]年齢別人口市区町村(総数)'!O60</f>
        <v>7703</v>
      </c>
      <c r="AN48" s="23">
        <f>'[1]年齢別人口市区町村(日本人)'!P60</f>
        <v>6867</v>
      </c>
      <c r="AO48" s="23">
        <f>'[1]年齢別人口市区町村(外国人)'!P60</f>
        <v>153</v>
      </c>
      <c r="AP48" s="24">
        <f>'[1]年齢別人口市区町村(総数)'!P60</f>
        <v>7020</v>
      </c>
      <c r="AQ48" s="23">
        <f>'[1]年齢別人口市区町村(日本人)'!Q60</f>
        <v>5668</v>
      </c>
      <c r="AR48" s="23">
        <f>'[1]年齢別人口市区町村(外国人)'!Q60</f>
        <v>111</v>
      </c>
      <c r="AS48" s="24">
        <f>'[1]年齢別人口市区町村(総数)'!Q60</f>
        <v>5779</v>
      </c>
      <c r="AT48" s="23">
        <f>'[1]年齢別人口市区町村(日本人)'!R60</f>
        <v>4648</v>
      </c>
      <c r="AU48" s="23">
        <f>'[1]年齢別人口市区町村(外国人)'!R60</f>
        <v>75</v>
      </c>
      <c r="AV48" s="24">
        <f>'[1]年齢別人口市区町村(総数)'!R60</f>
        <v>4723</v>
      </c>
      <c r="AW48" s="23">
        <f>'[1]年齢別人口市区町村(日本人)'!S60</f>
        <v>4732</v>
      </c>
      <c r="AX48" s="23">
        <f>'[1]年齢別人口市区町村(外国人)'!S60</f>
        <v>36</v>
      </c>
      <c r="AY48" s="24">
        <f>'[1]年齢別人口市区町村(総数)'!S60</f>
        <v>4768</v>
      </c>
      <c r="AZ48" s="23">
        <f>'[1]年齢別人口市区町村(日本人)'!T60</f>
        <v>5774</v>
      </c>
      <c r="BA48" s="23">
        <f>'[1]年齢別人口市区町村(外国人)'!T60</f>
        <v>25</v>
      </c>
      <c r="BB48" s="24">
        <f>'[1]年齢別人口市区町村(総数)'!T60</f>
        <v>5799</v>
      </c>
      <c r="BC48" s="23">
        <f>'[1]年齢別人口市区町村(日本人)'!U60</f>
        <v>4674</v>
      </c>
      <c r="BD48" s="23">
        <f>'[1]年齢別人口市区町村(外国人)'!U60</f>
        <v>15</v>
      </c>
      <c r="BE48" s="24">
        <f>'[1]年齢別人口市区町村(総数)'!U60</f>
        <v>4689</v>
      </c>
      <c r="BF48" s="23">
        <f>'[1]年齢別人口市区町村(日本人)'!V60</f>
        <v>3215</v>
      </c>
      <c r="BG48" s="23">
        <f>'[1]年齢別人口市区町村(外国人)'!V60</f>
        <v>14</v>
      </c>
      <c r="BH48" s="24">
        <f>'[1]年齢別人口市区町村(総数)'!V60</f>
        <v>3229</v>
      </c>
      <c r="BI48" s="23">
        <f>'[1]年齢別人口市区町村(日本人)'!W60</f>
        <v>1770</v>
      </c>
      <c r="BJ48" s="23">
        <f>'[1]年齢別人口市区町村(外国人)'!W60</f>
        <v>3</v>
      </c>
      <c r="BK48" s="24">
        <f>'[1]年齢別人口市区町村(総数)'!W60</f>
        <v>1773</v>
      </c>
      <c r="BL48" s="23">
        <f>'[1]年齢別人口市区町村(日本人)'!X60</f>
        <v>461</v>
      </c>
      <c r="BM48" s="23">
        <f>'[1]年齢別人口市区町村(外国人)'!X60</f>
        <v>0</v>
      </c>
      <c r="BN48" s="24">
        <f>'[1]年齢別人口市区町村(総数)'!X60</f>
        <v>461</v>
      </c>
      <c r="BO48" s="23">
        <f>'[1]年齢別人口市区町村(日本人)'!Y60</f>
        <v>70</v>
      </c>
      <c r="BP48" s="23">
        <f>'[1]年齢別人口市区町村(外国人)'!Y60</f>
        <v>0</v>
      </c>
      <c r="BQ48" s="61">
        <f>'[1]年齢別人口市区町村(総数)'!Y60</f>
        <v>70</v>
      </c>
    </row>
    <row r="49" spans="1:69" ht="15" thickBot="1" x14ac:dyDescent="0.2">
      <c r="A49" s="32"/>
      <c r="B49" s="25" t="s">
        <v>32</v>
      </c>
      <c r="C49" s="47"/>
      <c r="D49" s="26">
        <f>'[1]年齢別人口市区町村(日本人)'!D58</f>
        <v>175070</v>
      </c>
      <c r="E49" s="27">
        <f>'[1]年齢別人口市区町村(外国人)'!D58</f>
        <v>6026</v>
      </c>
      <c r="F49" s="28">
        <f>'[1]年齢別人口市区町村(総数)'!D58</f>
        <v>181096</v>
      </c>
      <c r="G49" s="27">
        <f>'[1]年齢別人口市区町村(日本人)'!E58</f>
        <v>5463</v>
      </c>
      <c r="H49" s="27">
        <f>'[1]年齢別人口市区町村(外国人)'!E58</f>
        <v>327</v>
      </c>
      <c r="I49" s="28">
        <f>'[1]年齢別人口市区町村(総数)'!E58</f>
        <v>5790</v>
      </c>
      <c r="J49" s="27">
        <f>'[1]年齢別人口市区町村(日本人)'!F58</f>
        <v>6913</v>
      </c>
      <c r="K49" s="27">
        <f>'[1]年齢別人口市区町村(外国人)'!F58</f>
        <v>405</v>
      </c>
      <c r="L49" s="28">
        <f>'[1]年齢別人口市区町村(総数)'!F58</f>
        <v>7318</v>
      </c>
      <c r="M49" s="27">
        <f>'[1]年齢別人口市区町村(日本人)'!G58</f>
        <v>7565</v>
      </c>
      <c r="N49" s="27">
        <f>'[1]年齢別人口市区町村(外国人)'!G58</f>
        <v>296</v>
      </c>
      <c r="O49" s="28">
        <f>'[1]年齢別人口市区町村(総数)'!G58</f>
        <v>7861</v>
      </c>
      <c r="P49" s="27">
        <f>'[1]年齢別人口市区町村(日本人)'!H58</f>
        <v>8363</v>
      </c>
      <c r="Q49" s="27">
        <f>'[1]年齢別人口市区町村(外国人)'!H58</f>
        <v>157</v>
      </c>
      <c r="R49" s="28">
        <f>'[1]年齢別人口市区町村(総数)'!H58</f>
        <v>8520</v>
      </c>
      <c r="S49" s="27">
        <f>'[1]年齢別人口市区町村(日本人)'!I58</f>
        <v>9224</v>
      </c>
      <c r="T49" s="27">
        <f>'[1]年齢別人口市区町村(外国人)'!I58</f>
        <v>451</v>
      </c>
      <c r="U49" s="28">
        <f>'[1]年齢別人口市区町村(総数)'!I58</f>
        <v>9675</v>
      </c>
      <c r="V49" s="27">
        <f>'[1]年齢別人口市区町村(日本人)'!J58</f>
        <v>9480</v>
      </c>
      <c r="W49" s="27">
        <f>'[1]年齢別人口市区町村(外国人)'!J58</f>
        <v>858</v>
      </c>
      <c r="X49" s="28">
        <f>'[1]年齢別人口市区町村(総数)'!J58</f>
        <v>10338</v>
      </c>
      <c r="Y49" s="27">
        <f>'[1]年齢別人口市区町村(日本人)'!K58</f>
        <v>9171</v>
      </c>
      <c r="Z49" s="27">
        <f>'[1]年齢別人口市区町村(外国人)'!K58</f>
        <v>832</v>
      </c>
      <c r="AA49" s="28">
        <f>'[1]年齢別人口市区町村(総数)'!K58</f>
        <v>10003</v>
      </c>
      <c r="AB49" s="27">
        <f>'[1]年齢別人口市区町村(日本人)'!L58</f>
        <v>9405</v>
      </c>
      <c r="AC49" s="27">
        <f>'[1]年齢別人口市区町村(外国人)'!L58</f>
        <v>785</v>
      </c>
      <c r="AD49" s="28">
        <f>'[1]年齢別人口市区町村(総数)'!L58</f>
        <v>10190</v>
      </c>
      <c r="AE49" s="27">
        <f>'[1]年齢別人口市区町村(日本人)'!M58</f>
        <v>10691</v>
      </c>
      <c r="AF49" s="27">
        <f>'[1]年齢別人口市区町村(外国人)'!M58</f>
        <v>614</v>
      </c>
      <c r="AG49" s="28">
        <f>'[1]年齢別人口市区町村(総数)'!M58</f>
        <v>11305</v>
      </c>
      <c r="AH49" s="27">
        <f>'[1]年齢別人口市区町村(日本人)'!N58</f>
        <v>12301</v>
      </c>
      <c r="AI49" s="27">
        <f>'[1]年齢別人口市区町村(外国人)'!N58</f>
        <v>381</v>
      </c>
      <c r="AJ49" s="28">
        <f>'[1]年齢別人口市区町村(総数)'!N58</f>
        <v>12682</v>
      </c>
      <c r="AK49" s="27">
        <f>'[1]年齢別人口市区町村(日本人)'!O58</f>
        <v>15181</v>
      </c>
      <c r="AL49" s="27">
        <f>'[1]年齢別人口市区町村(外国人)'!O58</f>
        <v>248</v>
      </c>
      <c r="AM49" s="28">
        <f>'[1]年齢別人口市区町村(総数)'!O58</f>
        <v>15429</v>
      </c>
      <c r="AN49" s="27">
        <f>'[1]年齢別人口市区町村(日本人)'!P58</f>
        <v>14348</v>
      </c>
      <c r="AO49" s="27">
        <f>'[1]年齢別人口市区町村(外国人)'!P58</f>
        <v>240</v>
      </c>
      <c r="AP49" s="28">
        <f>'[1]年齢別人口市区町村(総数)'!P58</f>
        <v>14588</v>
      </c>
      <c r="AQ49" s="27">
        <f>'[1]年齢別人口市区町村(日本人)'!Q58</f>
        <v>11642</v>
      </c>
      <c r="AR49" s="27">
        <f>'[1]年齢別人口市区町村(外国人)'!Q58</f>
        <v>167</v>
      </c>
      <c r="AS49" s="28">
        <f>'[1]年齢別人口市区町村(総数)'!Q58</f>
        <v>11809</v>
      </c>
      <c r="AT49" s="27">
        <f>'[1]年齢別人口市区町村(日本人)'!R58</f>
        <v>9200</v>
      </c>
      <c r="AU49" s="27">
        <f>'[1]年齢別人口市区町村(外国人)'!R58</f>
        <v>113</v>
      </c>
      <c r="AV49" s="28">
        <f>'[1]年齢別人口市区町村(総数)'!R58</f>
        <v>9313</v>
      </c>
      <c r="AW49" s="27">
        <f>'[1]年齢別人口市区町村(日本人)'!S58</f>
        <v>9009</v>
      </c>
      <c r="AX49" s="27">
        <f>'[1]年齢別人口市区町村(外国人)'!S58</f>
        <v>61</v>
      </c>
      <c r="AY49" s="28">
        <f>'[1]年齢別人口市区町村(総数)'!S58</f>
        <v>9070</v>
      </c>
      <c r="AZ49" s="27">
        <f>'[1]年齢別人口市区町村(日本人)'!T58</f>
        <v>10407</v>
      </c>
      <c r="BA49" s="27">
        <f>'[1]年齢別人口市区町村(外国人)'!T58</f>
        <v>43</v>
      </c>
      <c r="BB49" s="28">
        <f>'[1]年齢別人口市区町村(総数)'!T58</f>
        <v>10450</v>
      </c>
      <c r="BC49" s="27">
        <f>'[1]年齢別人口市区町村(日本人)'!U58</f>
        <v>8026</v>
      </c>
      <c r="BD49" s="27">
        <f>'[1]年齢別人口市区町村(外国人)'!U58</f>
        <v>20</v>
      </c>
      <c r="BE49" s="28">
        <f>'[1]年齢別人口市区町村(総数)'!U58</f>
        <v>8046</v>
      </c>
      <c r="BF49" s="27">
        <f>'[1]年齢別人口市区町村(日本人)'!V58</f>
        <v>5339</v>
      </c>
      <c r="BG49" s="27">
        <f>'[1]年齢別人口市区町村(外国人)'!V58</f>
        <v>22</v>
      </c>
      <c r="BH49" s="28">
        <f>'[1]年齢別人口市区町村(総数)'!V58</f>
        <v>5361</v>
      </c>
      <c r="BI49" s="27">
        <f>'[1]年齢別人口市区町村(日本人)'!W58</f>
        <v>2629</v>
      </c>
      <c r="BJ49" s="27">
        <f>'[1]年齢別人口市区町村(外国人)'!W58</f>
        <v>5</v>
      </c>
      <c r="BK49" s="28">
        <f>'[1]年齢別人口市区町村(総数)'!W58</f>
        <v>2634</v>
      </c>
      <c r="BL49" s="27">
        <f>'[1]年齢別人口市区町村(日本人)'!X58</f>
        <v>624</v>
      </c>
      <c r="BM49" s="27">
        <f>'[1]年齢別人口市区町村(外国人)'!X58</f>
        <v>0</v>
      </c>
      <c r="BN49" s="28">
        <f>'[1]年齢別人口市区町村(総数)'!X58</f>
        <v>624</v>
      </c>
      <c r="BO49" s="27">
        <f>'[1]年齢別人口市区町村(日本人)'!Y58</f>
        <v>89</v>
      </c>
      <c r="BP49" s="27">
        <f>'[1]年齢別人口市区町村(外国人)'!Y58</f>
        <v>0</v>
      </c>
      <c r="BQ49" s="62">
        <f>'[1]年齢別人口市区町村(総数)'!Y58</f>
        <v>89</v>
      </c>
    </row>
    <row r="50" spans="1:69" x14ac:dyDescent="0.15">
      <c r="A50" s="31"/>
      <c r="B50" s="17" t="s">
        <v>29</v>
      </c>
      <c r="C50" s="45">
        <v>141143</v>
      </c>
      <c r="D50" s="18">
        <f>'[1]年齢別人口市区町村(日本人)'!D62</f>
        <v>57921</v>
      </c>
      <c r="E50" s="19">
        <f>'[1]年齢別人口市区町村(外国人)'!D62</f>
        <v>1405</v>
      </c>
      <c r="F50" s="19">
        <f>'[1]年齢別人口市区町村(総数)'!D62</f>
        <v>59326</v>
      </c>
      <c r="G50" s="19">
        <f>'[1]年齢別人口市区町村(日本人)'!E62</f>
        <v>1924</v>
      </c>
      <c r="H50" s="19">
        <f>'[1]年齢別人口市区町村(外国人)'!E62</f>
        <v>50</v>
      </c>
      <c r="I50" s="19">
        <f>'[1]年齢別人口市区町村(総数)'!E62</f>
        <v>1974</v>
      </c>
      <c r="J50" s="19">
        <f>'[1]年齢別人口市区町村(日本人)'!F62</f>
        <v>2168</v>
      </c>
      <c r="K50" s="19">
        <f>'[1]年齢別人口市区町村(外国人)'!F62</f>
        <v>55</v>
      </c>
      <c r="L50" s="19">
        <f>'[1]年齢別人口市区町村(総数)'!F62</f>
        <v>2223</v>
      </c>
      <c r="M50" s="19">
        <f>'[1]年齢別人口市区町村(日本人)'!G62</f>
        <v>2380</v>
      </c>
      <c r="N50" s="19">
        <f>'[1]年齢別人口市区町村(外国人)'!G62</f>
        <v>48</v>
      </c>
      <c r="O50" s="19">
        <f>'[1]年齢別人口市区町村(総数)'!G62</f>
        <v>2428</v>
      </c>
      <c r="P50" s="19">
        <f>'[1]年齢別人口市区町村(日本人)'!H62</f>
        <v>2767</v>
      </c>
      <c r="Q50" s="19">
        <f>'[1]年齢別人口市区町村(外国人)'!H62</f>
        <v>66</v>
      </c>
      <c r="R50" s="19">
        <f>'[1]年齢別人口市区町村(総数)'!H62</f>
        <v>2833</v>
      </c>
      <c r="S50" s="19">
        <f>'[1]年齢別人口市区町村(日本人)'!I62</f>
        <v>3004</v>
      </c>
      <c r="T50" s="19">
        <f>'[1]年齢別人口市区町村(外国人)'!I62</f>
        <v>233</v>
      </c>
      <c r="U50" s="19">
        <f>'[1]年齢別人口市区町村(総数)'!I62</f>
        <v>3237</v>
      </c>
      <c r="V50" s="19">
        <f>'[1]年齢別人口市区町村(日本人)'!J62</f>
        <v>3050</v>
      </c>
      <c r="W50" s="19">
        <f>'[1]年齢別人口市区町村(外国人)'!J62</f>
        <v>235</v>
      </c>
      <c r="X50" s="19">
        <f>'[1]年齢別人口市区町村(総数)'!J62</f>
        <v>3285</v>
      </c>
      <c r="Y50" s="19">
        <f>'[1]年齢別人口市区町村(日本人)'!K62</f>
        <v>3127</v>
      </c>
      <c r="Z50" s="19">
        <f>'[1]年齢別人口市区町村(外国人)'!K62</f>
        <v>230</v>
      </c>
      <c r="AA50" s="19">
        <f>'[1]年齢別人口市区町村(総数)'!K62</f>
        <v>3357</v>
      </c>
      <c r="AB50" s="19">
        <f>'[1]年齢別人口市区町村(日本人)'!L62</f>
        <v>3145</v>
      </c>
      <c r="AC50" s="19">
        <f>'[1]年齢別人口市区町村(外国人)'!L62</f>
        <v>143</v>
      </c>
      <c r="AD50" s="19">
        <f>'[1]年齢別人口市区町村(総数)'!L62</f>
        <v>3288</v>
      </c>
      <c r="AE50" s="19">
        <f>'[1]年齢別人口市区町村(日本人)'!M62</f>
        <v>3457</v>
      </c>
      <c r="AF50" s="19">
        <f>'[1]年齢別人口市区町村(外国人)'!M62</f>
        <v>104</v>
      </c>
      <c r="AG50" s="19">
        <f>'[1]年齢別人口市区町村(総数)'!M62</f>
        <v>3561</v>
      </c>
      <c r="AH50" s="19">
        <f>'[1]年齢別人口市区町村(日本人)'!N62</f>
        <v>3928</v>
      </c>
      <c r="AI50" s="19">
        <f>'[1]年齢別人口市区町村(外国人)'!N62</f>
        <v>61</v>
      </c>
      <c r="AJ50" s="19">
        <f>'[1]年齢別人口市区町村(総数)'!N62</f>
        <v>3989</v>
      </c>
      <c r="AK50" s="19">
        <f>'[1]年齢別人口市区町村(日本人)'!O62</f>
        <v>5235</v>
      </c>
      <c r="AL50" s="19">
        <f>'[1]年齢別人口市区町村(外国人)'!O62</f>
        <v>48</v>
      </c>
      <c r="AM50" s="19">
        <f>'[1]年齢別人口市区町村(総数)'!O62</f>
        <v>5283</v>
      </c>
      <c r="AN50" s="19">
        <f>'[1]年齢別人口市区町村(日本人)'!P62</f>
        <v>4993</v>
      </c>
      <c r="AO50" s="19">
        <f>'[1]年齢別人口市区町村(外国人)'!P62</f>
        <v>45</v>
      </c>
      <c r="AP50" s="19">
        <f>'[1]年齢別人口市区町村(総数)'!P62</f>
        <v>5038</v>
      </c>
      <c r="AQ50" s="19">
        <f>'[1]年齢別人口市区町村(日本人)'!Q62</f>
        <v>4017</v>
      </c>
      <c r="AR50" s="19">
        <f>'[1]年齢別人口市区町村(外国人)'!Q62</f>
        <v>39</v>
      </c>
      <c r="AS50" s="19">
        <f>'[1]年齢別人口市区町村(総数)'!Q62</f>
        <v>4056</v>
      </c>
      <c r="AT50" s="19">
        <f>'[1]年齢別人口市区町村(日本人)'!R62</f>
        <v>3083</v>
      </c>
      <c r="AU50" s="19">
        <f>'[1]年齢別人口市区町村(外国人)'!R62</f>
        <v>20</v>
      </c>
      <c r="AV50" s="19">
        <f>'[1]年齢別人口市区町村(総数)'!R62</f>
        <v>3103</v>
      </c>
      <c r="AW50" s="19">
        <f>'[1]年齢別人口市区町村(日本人)'!S62</f>
        <v>3102</v>
      </c>
      <c r="AX50" s="19">
        <f>'[1]年齢別人口市区町村(外国人)'!S62</f>
        <v>6</v>
      </c>
      <c r="AY50" s="19">
        <f>'[1]年齢別人口市区町村(総数)'!S62</f>
        <v>3108</v>
      </c>
      <c r="AZ50" s="19">
        <f>'[1]年齢別人口市区町村(日本人)'!T62</f>
        <v>3440</v>
      </c>
      <c r="BA50" s="19">
        <f>'[1]年齢別人口市区町村(外国人)'!T62</f>
        <v>13</v>
      </c>
      <c r="BB50" s="19">
        <f>'[1]年齢別人口市区町村(総数)'!T62</f>
        <v>3453</v>
      </c>
      <c r="BC50" s="19">
        <f>'[1]年齢別人口市区町村(日本人)'!U62</f>
        <v>2559</v>
      </c>
      <c r="BD50" s="19">
        <f>'[1]年齢別人口市区町村(外国人)'!U62</f>
        <v>5</v>
      </c>
      <c r="BE50" s="19">
        <f>'[1]年齢別人口市区町村(総数)'!U62</f>
        <v>2564</v>
      </c>
      <c r="BF50" s="19">
        <f>'[1]年齢別人口市区町村(日本人)'!V62</f>
        <v>1750</v>
      </c>
      <c r="BG50" s="19">
        <f>'[1]年齢別人口市区町村(外国人)'!V62</f>
        <v>2</v>
      </c>
      <c r="BH50" s="19">
        <f>'[1]年齢別人口市区町村(総数)'!V62</f>
        <v>1752</v>
      </c>
      <c r="BI50" s="19">
        <f>'[1]年齢別人口市区町村(日本人)'!W62</f>
        <v>658</v>
      </c>
      <c r="BJ50" s="19">
        <f>'[1]年齢別人口市区町村(外国人)'!W62</f>
        <v>1</v>
      </c>
      <c r="BK50" s="19">
        <f>'[1]年齢別人口市区町村(総数)'!W62</f>
        <v>659</v>
      </c>
      <c r="BL50" s="19">
        <f>'[1]年齢別人口市区町村(日本人)'!X62</f>
        <v>125</v>
      </c>
      <c r="BM50" s="19">
        <f>'[1]年齢別人口市区町村(外国人)'!X62</f>
        <v>1</v>
      </c>
      <c r="BN50" s="19">
        <f>'[1]年齢別人口市区町村(総数)'!X62</f>
        <v>126</v>
      </c>
      <c r="BO50" s="19">
        <f>'[1]年齢別人口市区町村(日本人)'!Y62</f>
        <v>9</v>
      </c>
      <c r="BP50" s="19">
        <f>'[1]年齢別人口市区町村(外国人)'!Y62</f>
        <v>0</v>
      </c>
      <c r="BQ50" s="60">
        <f>'[1]年齢別人口市区町村(総数)'!Y62</f>
        <v>9</v>
      </c>
    </row>
    <row r="51" spans="1:69" x14ac:dyDescent="0.15">
      <c r="A51" s="31" t="s">
        <v>47</v>
      </c>
      <c r="B51" s="21" t="s">
        <v>31</v>
      </c>
      <c r="C51" s="46"/>
      <c r="D51" s="22">
        <f>'[1]年齢別人口市区町村(日本人)'!D63</f>
        <v>60670</v>
      </c>
      <c r="E51" s="23">
        <f>'[1]年齢別人口市区町村(外国人)'!D63</f>
        <v>1346</v>
      </c>
      <c r="F51" s="24">
        <f>'[1]年齢別人口市区町村(総数)'!D63</f>
        <v>62016</v>
      </c>
      <c r="G51" s="23">
        <f>'[1]年齢別人口市区町村(日本人)'!E63</f>
        <v>1786</v>
      </c>
      <c r="H51" s="23">
        <f>'[1]年齢別人口市区町村(外国人)'!E63</f>
        <v>42</v>
      </c>
      <c r="I51" s="24">
        <f>'[1]年齢別人口市区町村(総数)'!E63</f>
        <v>1828</v>
      </c>
      <c r="J51" s="23">
        <f>'[1]年齢別人口市区町村(日本人)'!F63</f>
        <v>1973</v>
      </c>
      <c r="K51" s="23">
        <f>'[1]年齢別人口市区町村(外国人)'!F63</f>
        <v>42</v>
      </c>
      <c r="L51" s="24">
        <f>'[1]年齢別人口市区町村(総数)'!F63</f>
        <v>2015</v>
      </c>
      <c r="M51" s="23">
        <f>'[1]年齢別人口市区町村(日本人)'!G63</f>
        <v>2351</v>
      </c>
      <c r="N51" s="23">
        <f>'[1]年齢別人口市区町村(外国人)'!G63</f>
        <v>60</v>
      </c>
      <c r="O51" s="24">
        <f>'[1]年齢別人口市区町村(総数)'!G63</f>
        <v>2411</v>
      </c>
      <c r="P51" s="23">
        <f>'[1]年齢別人口市区町村(日本人)'!H63</f>
        <v>2679</v>
      </c>
      <c r="Q51" s="23">
        <f>'[1]年齢別人口市区町村(外国人)'!H63</f>
        <v>49</v>
      </c>
      <c r="R51" s="24">
        <f>'[1]年齢別人口市区町村(総数)'!H63</f>
        <v>2728</v>
      </c>
      <c r="S51" s="23">
        <f>'[1]年齢別人口市区町村(日本人)'!I63</f>
        <v>3007</v>
      </c>
      <c r="T51" s="23">
        <f>'[1]年齢別人口市区町村(外国人)'!I63</f>
        <v>114</v>
      </c>
      <c r="U51" s="24">
        <f>'[1]年齢別人口市区町村(総数)'!I63</f>
        <v>3121</v>
      </c>
      <c r="V51" s="23">
        <f>'[1]年齢別人口市区町村(日本人)'!J63</f>
        <v>3151</v>
      </c>
      <c r="W51" s="23">
        <f>'[1]年齢別人口市区町村(外国人)'!J63</f>
        <v>163</v>
      </c>
      <c r="X51" s="24">
        <f>'[1]年齢別人口市区町村(総数)'!J63</f>
        <v>3314</v>
      </c>
      <c r="Y51" s="23">
        <f>'[1]年齢別人口市区町村(日本人)'!K63</f>
        <v>3005</v>
      </c>
      <c r="Z51" s="23">
        <f>'[1]年齢別人口市区町村(外国人)'!K63</f>
        <v>147</v>
      </c>
      <c r="AA51" s="24">
        <f>'[1]年齢別人口市区町村(総数)'!K63</f>
        <v>3152</v>
      </c>
      <c r="AB51" s="23">
        <f>'[1]年齢別人口市区町村(日本人)'!L63</f>
        <v>2917</v>
      </c>
      <c r="AC51" s="23">
        <f>'[1]年齢別人口市区町村(外国人)'!L63</f>
        <v>136</v>
      </c>
      <c r="AD51" s="24">
        <f>'[1]年齢別人口市区町村(総数)'!L63</f>
        <v>3053</v>
      </c>
      <c r="AE51" s="23">
        <f>'[1]年齢別人口市区町村(日本人)'!M63</f>
        <v>3158</v>
      </c>
      <c r="AF51" s="23">
        <f>'[1]年齢別人口市区町村(外国人)'!M63</f>
        <v>114</v>
      </c>
      <c r="AG51" s="24">
        <f>'[1]年齢別人口市区町村(総数)'!M63</f>
        <v>3272</v>
      </c>
      <c r="AH51" s="23">
        <f>'[1]年齢別人口市区町村(日本人)'!N63</f>
        <v>3757</v>
      </c>
      <c r="AI51" s="23">
        <f>'[1]年齢別人口市区町村(外国人)'!N63</f>
        <v>102</v>
      </c>
      <c r="AJ51" s="24">
        <f>'[1]年齢別人口市区町村(総数)'!N63</f>
        <v>3859</v>
      </c>
      <c r="AK51" s="23">
        <f>'[1]年齢別人口市区町村(日本人)'!O63</f>
        <v>5060</v>
      </c>
      <c r="AL51" s="23">
        <f>'[1]年齢別人口市区町村(外国人)'!O63</f>
        <v>90</v>
      </c>
      <c r="AM51" s="24">
        <f>'[1]年齢別人口市区町村(総数)'!O63</f>
        <v>5150</v>
      </c>
      <c r="AN51" s="23">
        <f>'[1]年齢別人口市区町村(日本人)'!P63</f>
        <v>4659</v>
      </c>
      <c r="AO51" s="23">
        <f>'[1]年齢別人口市区町村(外国人)'!P63</f>
        <v>113</v>
      </c>
      <c r="AP51" s="24">
        <f>'[1]年齢別人口市区町村(総数)'!P63</f>
        <v>4772</v>
      </c>
      <c r="AQ51" s="23">
        <f>'[1]年齢別人口市区町村(日本人)'!Q63</f>
        <v>3834</v>
      </c>
      <c r="AR51" s="23">
        <f>'[1]年齢別人口市区町村(外国人)'!Q63</f>
        <v>79</v>
      </c>
      <c r="AS51" s="24">
        <f>'[1]年齢別人口市区町村(総数)'!Q63</f>
        <v>3913</v>
      </c>
      <c r="AT51" s="23">
        <f>'[1]年齢別人口市区町村(日本人)'!R63</f>
        <v>3079</v>
      </c>
      <c r="AU51" s="23">
        <f>'[1]年齢別人口市区町村(外国人)'!R63</f>
        <v>37</v>
      </c>
      <c r="AV51" s="24">
        <f>'[1]年齢別人口市区町村(総数)'!R63</f>
        <v>3116</v>
      </c>
      <c r="AW51" s="23">
        <f>'[1]年齢別人口市区町村(日本人)'!S63</f>
        <v>3432</v>
      </c>
      <c r="AX51" s="23">
        <f>'[1]年齢別人口市区町村(外国人)'!S63</f>
        <v>30</v>
      </c>
      <c r="AY51" s="24">
        <f>'[1]年齢別人口市区町村(総数)'!S63</f>
        <v>3462</v>
      </c>
      <c r="AZ51" s="23">
        <f>'[1]年齢別人口市区町村(日本人)'!T63</f>
        <v>4476</v>
      </c>
      <c r="BA51" s="23">
        <f>'[1]年齢別人口市区町村(外国人)'!T63</f>
        <v>15</v>
      </c>
      <c r="BB51" s="24">
        <f>'[1]年齢別人口市区町村(総数)'!T63</f>
        <v>4491</v>
      </c>
      <c r="BC51" s="23">
        <f>'[1]年齢別人口市区町村(日本人)'!U63</f>
        <v>3691</v>
      </c>
      <c r="BD51" s="23">
        <f>'[1]年齢別人口市区町村(外国人)'!U63</f>
        <v>7</v>
      </c>
      <c r="BE51" s="24">
        <f>'[1]年齢別人口市区町村(総数)'!U63</f>
        <v>3698</v>
      </c>
      <c r="BF51" s="23">
        <f>'[1]年齢別人口市区町村(日本人)'!V63</f>
        <v>2709</v>
      </c>
      <c r="BG51" s="23">
        <f>'[1]年齢別人口市区町村(外国人)'!V63</f>
        <v>4</v>
      </c>
      <c r="BH51" s="24">
        <f>'[1]年齢別人口市区町村(総数)'!V63</f>
        <v>2713</v>
      </c>
      <c r="BI51" s="23">
        <f>'[1]年齢別人口市区町村(日本人)'!W63</f>
        <v>1446</v>
      </c>
      <c r="BJ51" s="23">
        <f>'[1]年齢別人口市区町村(外国人)'!W63</f>
        <v>1</v>
      </c>
      <c r="BK51" s="24">
        <f>'[1]年齢別人口市区町村(総数)'!W63</f>
        <v>1447</v>
      </c>
      <c r="BL51" s="23">
        <f>'[1]年齢別人口市区町村(日本人)'!X63</f>
        <v>434</v>
      </c>
      <c r="BM51" s="23">
        <f>'[1]年齢別人口市区町村(外国人)'!X63</f>
        <v>1</v>
      </c>
      <c r="BN51" s="24">
        <f>'[1]年齢別人口市区町村(総数)'!X63</f>
        <v>435</v>
      </c>
      <c r="BO51" s="23">
        <f>'[1]年齢別人口市区町村(日本人)'!Y63</f>
        <v>66</v>
      </c>
      <c r="BP51" s="23">
        <f>'[1]年齢別人口市区町村(外国人)'!Y63</f>
        <v>0</v>
      </c>
      <c r="BQ51" s="61">
        <f>'[1]年齢別人口市区町村(総数)'!Y63</f>
        <v>66</v>
      </c>
    </row>
    <row r="52" spans="1:69" ht="15" thickBot="1" x14ac:dyDescent="0.2">
      <c r="A52" s="32"/>
      <c r="B52" s="25" t="s">
        <v>32</v>
      </c>
      <c r="C52" s="47"/>
      <c r="D52" s="26">
        <f>'[1]年齢別人口市区町村(日本人)'!D61</f>
        <v>118591</v>
      </c>
      <c r="E52" s="27">
        <f>'[1]年齢別人口市区町村(外国人)'!D61</f>
        <v>2751</v>
      </c>
      <c r="F52" s="28">
        <f>'[1]年齢別人口市区町村(総数)'!D61</f>
        <v>121342</v>
      </c>
      <c r="G52" s="27">
        <f>'[1]年齢別人口市区町村(日本人)'!E61</f>
        <v>3710</v>
      </c>
      <c r="H52" s="27">
        <f>'[1]年齢別人口市区町村(外国人)'!E61</f>
        <v>92</v>
      </c>
      <c r="I52" s="28">
        <f>'[1]年齢別人口市区町村(総数)'!E61</f>
        <v>3802</v>
      </c>
      <c r="J52" s="27">
        <f>'[1]年齢別人口市区町村(日本人)'!F61</f>
        <v>4141</v>
      </c>
      <c r="K52" s="27">
        <f>'[1]年齢別人口市区町村(外国人)'!F61</f>
        <v>97</v>
      </c>
      <c r="L52" s="28">
        <f>'[1]年齢別人口市区町村(総数)'!F61</f>
        <v>4238</v>
      </c>
      <c r="M52" s="27">
        <f>'[1]年齢別人口市区町村(日本人)'!G61</f>
        <v>4731</v>
      </c>
      <c r="N52" s="27">
        <f>'[1]年齢別人口市区町村(外国人)'!G61</f>
        <v>108</v>
      </c>
      <c r="O52" s="28">
        <f>'[1]年齢別人口市区町村(総数)'!G61</f>
        <v>4839</v>
      </c>
      <c r="P52" s="27">
        <f>'[1]年齢別人口市区町村(日本人)'!H61</f>
        <v>5446</v>
      </c>
      <c r="Q52" s="27">
        <f>'[1]年齢別人口市区町村(外国人)'!H61</f>
        <v>115</v>
      </c>
      <c r="R52" s="28">
        <f>'[1]年齢別人口市区町村(総数)'!H61</f>
        <v>5561</v>
      </c>
      <c r="S52" s="27">
        <f>'[1]年齢別人口市区町村(日本人)'!I61</f>
        <v>6011</v>
      </c>
      <c r="T52" s="27">
        <f>'[1]年齢別人口市区町村(外国人)'!I61</f>
        <v>347</v>
      </c>
      <c r="U52" s="28">
        <f>'[1]年齢別人口市区町村(総数)'!I61</f>
        <v>6358</v>
      </c>
      <c r="V52" s="27">
        <f>'[1]年齢別人口市区町村(日本人)'!J61</f>
        <v>6201</v>
      </c>
      <c r="W52" s="27">
        <f>'[1]年齢別人口市区町村(外国人)'!J61</f>
        <v>398</v>
      </c>
      <c r="X52" s="28">
        <f>'[1]年齢別人口市区町村(総数)'!J61</f>
        <v>6599</v>
      </c>
      <c r="Y52" s="27">
        <f>'[1]年齢別人口市区町村(日本人)'!K61</f>
        <v>6132</v>
      </c>
      <c r="Z52" s="27">
        <f>'[1]年齢別人口市区町村(外国人)'!K61</f>
        <v>377</v>
      </c>
      <c r="AA52" s="28">
        <f>'[1]年齢別人口市区町村(総数)'!K61</f>
        <v>6509</v>
      </c>
      <c r="AB52" s="27">
        <f>'[1]年齢別人口市区町村(日本人)'!L61</f>
        <v>6062</v>
      </c>
      <c r="AC52" s="27">
        <f>'[1]年齢別人口市区町村(外国人)'!L61</f>
        <v>279</v>
      </c>
      <c r="AD52" s="28">
        <f>'[1]年齢別人口市区町村(総数)'!L61</f>
        <v>6341</v>
      </c>
      <c r="AE52" s="27">
        <f>'[1]年齢別人口市区町村(日本人)'!M61</f>
        <v>6615</v>
      </c>
      <c r="AF52" s="27">
        <f>'[1]年齢別人口市区町村(外国人)'!M61</f>
        <v>218</v>
      </c>
      <c r="AG52" s="28">
        <f>'[1]年齢別人口市区町村(総数)'!M61</f>
        <v>6833</v>
      </c>
      <c r="AH52" s="27">
        <f>'[1]年齢別人口市区町村(日本人)'!N61</f>
        <v>7685</v>
      </c>
      <c r="AI52" s="27">
        <f>'[1]年齢別人口市区町村(外国人)'!N61</f>
        <v>163</v>
      </c>
      <c r="AJ52" s="28">
        <f>'[1]年齢別人口市区町村(総数)'!N61</f>
        <v>7848</v>
      </c>
      <c r="AK52" s="27">
        <f>'[1]年齢別人口市区町村(日本人)'!O61</f>
        <v>10295</v>
      </c>
      <c r="AL52" s="27">
        <f>'[1]年齢別人口市区町村(外国人)'!O61</f>
        <v>138</v>
      </c>
      <c r="AM52" s="28">
        <f>'[1]年齢別人口市区町村(総数)'!O61</f>
        <v>10433</v>
      </c>
      <c r="AN52" s="27">
        <f>'[1]年齢別人口市区町村(日本人)'!P61</f>
        <v>9652</v>
      </c>
      <c r="AO52" s="27">
        <f>'[1]年齢別人口市区町村(外国人)'!P61</f>
        <v>158</v>
      </c>
      <c r="AP52" s="28">
        <f>'[1]年齢別人口市区町村(総数)'!P61</f>
        <v>9810</v>
      </c>
      <c r="AQ52" s="27">
        <f>'[1]年齢別人口市区町村(日本人)'!Q61</f>
        <v>7851</v>
      </c>
      <c r="AR52" s="27">
        <f>'[1]年齢別人口市区町村(外国人)'!Q61</f>
        <v>118</v>
      </c>
      <c r="AS52" s="28">
        <f>'[1]年齢別人口市区町村(総数)'!Q61</f>
        <v>7969</v>
      </c>
      <c r="AT52" s="27">
        <f>'[1]年齢別人口市区町村(日本人)'!R61</f>
        <v>6162</v>
      </c>
      <c r="AU52" s="27">
        <f>'[1]年齢別人口市区町村(外国人)'!R61</f>
        <v>57</v>
      </c>
      <c r="AV52" s="28">
        <f>'[1]年齢別人口市区町村(総数)'!R61</f>
        <v>6219</v>
      </c>
      <c r="AW52" s="27">
        <f>'[1]年齢別人口市区町村(日本人)'!S61</f>
        <v>6534</v>
      </c>
      <c r="AX52" s="27">
        <f>'[1]年齢別人口市区町村(外国人)'!S61</f>
        <v>36</v>
      </c>
      <c r="AY52" s="28">
        <f>'[1]年齢別人口市区町村(総数)'!S61</f>
        <v>6570</v>
      </c>
      <c r="AZ52" s="27">
        <f>'[1]年齢別人口市区町村(日本人)'!T61</f>
        <v>7916</v>
      </c>
      <c r="BA52" s="27">
        <f>'[1]年齢別人口市区町村(外国人)'!T61</f>
        <v>28</v>
      </c>
      <c r="BB52" s="28">
        <f>'[1]年齢別人口市区町村(総数)'!T61</f>
        <v>7944</v>
      </c>
      <c r="BC52" s="27">
        <f>'[1]年齢別人口市区町村(日本人)'!U61</f>
        <v>6250</v>
      </c>
      <c r="BD52" s="27">
        <f>'[1]年齢別人口市区町村(外国人)'!U61</f>
        <v>12</v>
      </c>
      <c r="BE52" s="28">
        <f>'[1]年齢別人口市区町村(総数)'!U61</f>
        <v>6262</v>
      </c>
      <c r="BF52" s="27">
        <f>'[1]年齢別人口市区町村(日本人)'!V61</f>
        <v>4459</v>
      </c>
      <c r="BG52" s="27">
        <f>'[1]年齢別人口市区町村(外国人)'!V61</f>
        <v>6</v>
      </c>
      <c r="BH52" s="28">
        <f>'[1]年齢別人口市区町村(総数)'!V61</f>
        <v>4465</v>
      </c>
      <c r="BI52" s="27">
        <f>'[1]年齢別人口市区町村(日本人)'!W61</f>
        <v>2104</v>
      </c>
      <c r="BJ52" s="27">
        <f>'[1]年齢別人口市区町村(外国人)'!W61</f>
        <v>2</v>
      </c>
      <c r="BK52" s="28">
        <f>'[1]年齢別人口市区町村(総数)'!W61</f>
        <v>2106</v>
      </c>
      <c r="BL52" s="27">
        <f>'[1]年齢別人口市区町村(日本人)'!X61</f>
        <v>559</v>
      </c>
      <c r="BM52" s="27">
        <f>'[1]年齢別人口市区町村(外国人)'!X61</f>
        <v>2</v>
      </c>
      <c r="BN52" s="28">
        <f>'[1]年齢別人口市区町村(総数)'!X61</f>
        <v>561</v>
      </c>
      <c r="BO52" s="27">
        <f>'[1]年齢別人口市区町村(日本人)'!Y61</f>
        <v>75</v>
      </c>
      <c r="BP52" s="27">
        <f>'[1]年齢別人口市区町村(外国人)'!Y61</f>
        <v>0</v>
      </c>
      <c r="BQ52" s="62">
        <f>'[1]年齢別人口市区町村(総数)'!Y61</f>
        <v>75</v>
      </c>
    </row>
    <row r="53" spans="1:69" x14ac:dyDescent="0.15">
      <c r="A53" s="31"/>
      <c r="B53" s="17" t="s">
        <v>29</v>
      </c>
      <c r="C53" s="45">
        <v>141151</v>
      </c>
      <c r="D53" s="18">
        <f>'[1]年齢別人口市区町村(日本人)'!D65</f>
        <v>57365</v>
      </c>
      <c r="E53" s="19">
        <f>'[1]年齢別人口市区町村(外国人)'!D65</f>
        <v>821</v>
      </c>
      <c r="F53" s="19">
        <f>'[1]年齢別人口市区町村(総数)'!D65</f>
        <v>58186</v>
      </c>
      <c r="G53" s="19">
        <f>'[1]年齢別人口市区町村(日本人)'!E65</f>
        <v>1805</v>
      </c>
      <c r="H53" s="19">
        <f>'[1]年齢別人口市区町村(外国人)'!E65</f>
        <v>32</v>
      </c>
      <c r="I53" s="19">
        <f>'[1]年齢別人口市区町村(総数)'!E65</f>
        <v>1837</v>
      </c>
      <c r="J53" s="19">
        <f>'[1]年齢別人口市区町村(日本人)'!F65</f>
        <v>2128</v>
      </c>
      <c r="K53" s="19">
        <f>'[1]年齢別人口市区町村(外国人)'!F65</f>
        <v>26</v>
      </c>
      <c r="L53" s="19">
        <f>'[1]年齢別人口市区町村(総数)'!F65</f>
        <v>2154</v>
      </c>
      <c r="M53" s="19">
        <f>'[1]年齢別人口市区町村(日本人)'!G65</f>
        <v>2394</v>
      </c>
      <c r="N53" s="19">
        <f>'[1]年齢別人口市区町村(外国人)'!G65</f>
        <v>27</v>
      </c>
      <c r="O53" s="19">
        <f>'[1]年齢別人口市区町村(総数)'!G65</f>
        <v>2421</v>
      </c>
      <c r="P53" s="19">
        <f>'[1]年齢別人口市区町村(日本人)'!H65</f>
        <v>2751</v>
      </c>
      <c r="Q53" s="19">
        <f>'[1]年齢別人口市区町村(外国人)'!H65</f>
        <v>21</v>
      </c>
      <c r="R53" s="19">
        <f>'[1]年齢別人口市区町村(総数)'!H65</f>
        <v>2772</v>
      </c>
      <c r="S53" s="19">
        <f>'[1]年齢別人口市区町村(日本人)'!I65</f>
        <v>2926</v>
      </c>
      <c r="T53" s="19">
        <f>'[1]年齢別人口市区町村(外国人)'!I65</f>
        <v>61</v>
      </c>
      <c r="U53" s="19">
        <f>'[1]年齢別人口市区町村(総数)'!I65</f>
        <v>2987</v>
      </c>
      <c r="V53" s="19">
        <f>'[1]年齢別人口市区町村(日本人)'!J65</f>
        <v>2610</v>
      </c>
      <c r="W53" s="19">
        <f>'[1]年齢別人口市区町村(外国人)'!J65</f>
        <v>100</v>
      </c>
      <c r="X53" s="19">
        <f>'[1]年齢別人口市区町村(総数)'!J65</f>
        <v>2710</v>
      </c>
      <c r="Y53" s="19">
        <f>'[1]年齢別人口市区町村(日本人)'!K65</f>
        <v>2690</v>
      </c>
      <c r="Z53" s="19">
        <f>'[1]年齢別人口市区町村(外国人)'!K65</f>
        <v>132</v>
      </c>
      <c r="AA53" s="19">
        <f>'[1]年齢別人口市区町村(総数)'!K65</f>
        <v>2822</v>
      </c>
      <c r="AB53" s="19">
        <f>'[1]年齢別人口市区町村(日本人)'!L65</f>
        <v>2920</v>
      </c>
      <c r="AC53" s="19">
        <f>'[1]年齢別人口市区町村(外国人)'!L65</f>
        <v>95</v>
      </c>
      <c r="AD53" s="19">
        <f>'[1]年齢別人口市区町村(総数)'!L65</f>
        <v>3015</v>
      </c>
      <c r="AE53" s="19">
        <f>'[1]年齢別人口市区町村(日本人)'!M65</f>
        <v>3276</v>
      </c>
      <c r="AF53" s="19">
        <f>'[1]年齢別人口市区町村(外国人)'!M65</f>
        <v>84</v>
      </c>
      <c r="AG53" s="19">
        <f>'[1]年齢別人口市区町村(総数)'!M65</f>
        <v>3360</v>
      </c>
      <c r="AH53" s="19">
        <f>'[1]年齢別人口市区町村(日本人)'!N65</f>
        <v>3918</v>
      </c>
      <c r="AI53" s="19">
        <f>'[1]年齢別人口市区町村(外国人)'!N65</f>
        <v>61</v>
      </c>
      <c r="AJ53" s="19">
        <f>'[1]年齢別人口市区町村(総数)'!N65</f>
        <v>3979</v>
      </c>
      <c r="AK53" s="19">
        <f>'[1]年齢別人口市区町村(日本人)'!O65</f>
        <v>5277</v>
      </c>
      <c r="AL53" s="19">
        <f>'[1]年齢別人口市区町村(外国人)'!O65</f>
        <v>49</v>
      </c>
      <c r="AM53" s="19">
        <f>'[1]年齢別人口市区町村(総数)'!O65</f>
        <v>5326</v>
      </c>
      <c r="AN53" s="19">
        <f>'[1]年齢別人口市区町村(日本人)'!P65</f>
        <v>4954</v>
      </c>
      <c r="AO53" s="19">
        <f>'[1]年齢別人口市区町村(外国人)'!P65</f>
        <v>36</v>
      </c>
      <c r="AP53" s="19">
        <f>'[1]年齢別人口市区町村(総数)'!P65</f>
        <v>4990</v>
      </c>
      <c r="AQ53" s="19">
        <f>'[1]年齢別人口市区町村(日本人)'!Q65</f>
        <v>3743</v>
      </c>
      <c r="AR53" s="19">
        <f>'[1]年齢別人口市区町村(外国人)'!Q65</f>
        <v>40</v>
      </c>
      <c r="AS53" s="19">
        <f>'[1]年齢別人口市区町村(総数)'!Q65</f>
        <v>3783</v>
      </c>
      <c r="AT53" s="19">
        <f>'[1]年齢別人口市区町村(日本人)'!R65</f>
        <v>2875</v>
      </c>
      <c r="AU53" s="19">
        <f>'[1]年齢別人口市区町村(外国人)'!R65</f>
        <v>23</v>
      </c>
      <c r="AV53" s="19">
        <f>'[1]年齢別人口市区町村(総数)'!R65</f>
        <v>2898</v>
      </c>
      <c r="AW53" s="19">
        <f>'[1]年齢別人口市区町村(日本人)'!S65</f>
        <v>3007</v>
      </c>
      <c r="AX53" s="19">
        <f>'[1]年齢別人口市区町村(外国人)'!S65</f>
        <v>8</v>
      </c>
      <c r="AY53" s="19">
        <f>'[1]年齢別人口市区町村(総数)'!S65</f>
        <v>3015</v>
      </c>
      <c r="AZ53" s="19">
        <f>'[1]年齢別人口市区町村(日本人)'!T65</f>
        <v>3728</v>
      </c>
      <c r="BA53" s="19">
        <f>'[1]年齢別人口市区町村(外国人)'!T65</f>
        <v>13</v>
      </c>
      <c r="BB53" s="19">
        <f>'[1]年齢別人口市区町村(総数)'!T65</f>
        <v>3741</v>
      </c>
      <c r="BC53" s="19">
        <f>'[1]年齢別人口市区町村(日本人)'!U65</f>
        <v>3224</v>
      </c>
      <c r="BD53" s="19">
        <f>'[1]年齢別人口市区町村(外国人)'!U65</f>
        <v>6</v>
      </c>
      <c r="BE53" s="19">
        <f>'[1]年齢別人口市区町村(総数)'!U65</f>
        <v>3230</v>
      </c>
      <c r="BF53" s="19">
        <f>'[1]年齢別人口市区町村(日本人)'!V65</f>
        <v>2139</v>
      </c>
      <c r="BG53" s="19">
        <f>'[1]年齢別人口市区町村(外国人)'!V65</f>
        <v>6</v>
      </c>
      <c r="BH53" s="19">
        <f>'[1]年齢別人口市区町村(総数)'!V65</f>
        <v>2145</v>
      </c>
      <c r="BI53" s="19">
        <f>'[1]年齢別人口市区町村(日本人)'!W65</f>
        <v>846</v>
      </c>
      <c r="BJ53" s="19">
        <f>'[1]年齢別人口市区町村(外国人)'!W65</f>
        <v>1</v>
      </c>
      <c r="BK53" s="19">
        <f>'[1]年齢別人口市区町村(総数)'!W65</f>
        <v>847</v>
      </c>
      <c r="BL53" s="19">
        <f>'[1]年齢別人口市区町村(日本人)'!X65</f>
        <v>136</v>
      </c>
      <c r="BM53" s="19">
        <f>'[1]年齢別人口市区町村(外国人)'!X65</f>
        <v>0</v>
      </c>
      <c r="BN53" s="19">
        <f>'[1]年齢別人口市区町村(総数)'!X65</f>
        <v>136</v>
      </c>
      <c r="BO53" s="19">
        <f>'[1]年齢別人口市区町村(日本人)'!Y65</f>
        <v>18</v>
      </c>
      <c r="BP53" s="19">
        <f>'[1]年齢別人口市区町村(外国人)'!Y65</f>
        <v>0</v>
      </c>
      <c r="BQ53" s="60">
        <f>'[1]年齢別人口市区町村(総数)'!Y65</f>
        <v>18</v>
      </c>
    </row>
    <row r="54" spans="1:69" x14ac:dyDescent="0.15">
      <c r="A54" s="31" t="s">
        <v>48</v>
      </c>
      <c r="B54" s="21" t="s">
        <v>31</v>
      </c>
      <c r="C54" s="46"/>
      <c r="D54" s="22">
        <f>'[1]年齢別人口市区町村(日本人)'!D66</f>
        <v>60802</v>
      </c>
      <c r="E54" s="23">
        <f>'[1]年齢別人口市区町村(外国人)'!D66</f>
        <v>954</v>
      </c>
      <c r="F54" s="24">
        <f>'[1]年齢別人口市区町村(総数)'!D66</f>
        <v>61756</v>
      </c>
      <c r="G54" s="23">
        <f>'[1]年齢別人口市区町村(日本人)'!E66</f>
        <v>1786</v>
      </c>
      <c r="H54" s="23">
        <f>'[1]年齢別人口市区町村(外国人)'!E66</f>
        <v>32</v>
      </c>
      <c r="I54" s="24">
        <f>'[1]年齢別人口市区町村(総数)'!E66</f>
        <v>1818</v>
      </c>
      <c r="J54" s="23">
        <f>'[1]年齢別人口市区町村(日本人)'!F66</f>
        <v>1954</v>
      </c>
      <c r="K54" s="23">
        <f>'[1]年齢別人口市区町村(外国人)'!F66</f>
        <v>39</v>
      </c>
      <c r="L54" s="24">
        <f>'[1]年齢別人口市区町村(総数)'!F66</f>
        <v>1993</v>
      </c>
      <c r="M54" s="23">
        <f>'[1]年齢別人口市区町村(日本人)'!G66</f>
        <v>2210</v>
      </c>
      <c r="N54" s="23">
        <f>'[1]年齢別人口市区町村(外国人)'!G66</f>
        <v>22</v>
      </c>
      <c r="O54" s="24">
        <f>'[1]年齢別人口市区町村(総数)'!G66</f>
        <v>2232</v>
      </c>
      <c r="P54" s="23">
        <f>'[1]年齢別人口市区町村(日本人)'!H66</f>
        <v>2619</v>
      </c>
      <c r="Q54" s="23">
        <f>'[1]年齢別人口市区町村(外国人)'!H66</f>
        <v>25</v>
      </c>
      <c r="R54" s="24">
        <f>'[1]年齢別人口市区町村(総数)'!H66</f>
        <v>2644</v>
      </c>
      <c r="S54" s="23">
        <f>'[1]年齢別人口市区町村(日本人)'!I66</f>
        <v>2797</v>
      </c>
      <c r="T54" s="23">
        <f>'[1]年齢別人口市区町村(外国人)'!I66</f>
        <v>70</v>
      </c>
      <c r="U54" s="24">
        <f>'[1]年齢別人口市区町村(総数)'!I66</f>
        <v>2867</v>
      </c>
      <c r="V54" s="23">
        <f>'[1]年齢別人口市区町村(日本人)'!J66</f>
        <v>2647</v>
      </c>
      <c r="W54" s="23">
        <f>'[1]年齢別人口市区町村(外国人)'!J66</f>
        <v>108</v>
      </c>
      <c r="X54" s="24">
        <f>'[1]年齢別人口市区町村(総数)'!J66</f>
        <v>2755</v>
      </c>
      <c r="Y54" s="23">
        <f>'[1]年齢別人口市区町村(日本人)'!K66</f>
        <v>2784</v>
      </c>
      <c r="Z54" s="23">
        <f>'[1]年齢別人口市区町村(外国人)'!K66</f>
        <v>104</v>
      </c>
      <c r="AA54" s="24">
        <f>'[1]年齢別人口市区町村(総数)'!K66</f>
        <v>2888</v>
      </c>
      <c r="AB54" s="23">
        <f>'[1]年齢別人口市区町村(日本人)'!L66</f>
        <v>2782</v>
      </c>
      <c r="AC54" s="23">
        <f>'[1]年齢別人口市区町村(外国人)'!L66</f>
        <v>87</v>
      </c>
      <c r="AD54" s="24">
        <f>'[1]年齢別人口市区町村(総数)'!L66</f>
        <v>2869</v>
      </c>
      <c r="AE54" s="23">
        <f>'[1]年齢別人口市区町村(日本人)'!M66</f>
        <v>3242</v>
      </c>
      <c r="AF54" s="23">
        <f>'[1]年齢別人口市区町村(外国人)'!M66</f>
        <v>72</v>
      </c>
      <c r="AG54" s="24">
        <f>'[1]年齢別人口市区町村(総数)'!M66</f>
        <v>3314</v>
      </c>
      <c r="AH54" s="23">
        <f>'[1]年齢別人口市区町村(日本人)'!N66</f>
        <v>3823</v>
      </c>
      <c r="AI54" s="23">
        <f>'[1]年齢別人口市区町村(外国人)'!N66</f>
        <v>86</v>
      </c>
      <c r="AJ54" s="24">
        <f>'[1]年齢別人口市区町村(総数)'!N66</f>
        <v>3909</v>
      </c>
      <c r="AK54" s="23">
        <f>'[1]年齢別人口市区町村(日本人)'!O66</f>
        <v>5168</v>
      </c>
      <c r="AL54" s="23">
        <f>'[1]年齢別人口市区町村(外国人)'!O66</f>
        <v>90</v>
      </c>
      <c r="AM54" s="24">
        <f>'[1]年齢別人口市区町村(総数)'!O66</f>
        <v>5258</v>
      </c>
      <c r="AN54" s="23">
        <f>'[1]年齢別人口市区町村(日本人)'!P66</f>
        <v>4582</v>
      </c>
      <c r="AO54" s="23">
        <f>'[1]年齢別人口市区町村(外国人)'!P66</f>
        <v>86</v>
      </c>
      <c r="AP54" s="24">
        <f>'[1]年齢別人口市区町村(総数)'!P66</f>
        <v>4668</v>
      </c>
      <c r="AQ54" s="23">
        <f>'[1]年齢別人口市区町村(日本人)'!Q66</f>
        <v>3540</v>
      </c>
      <c r="AR54" s="23">
        <f>'[1]年齢別人口市区町村(外国人)'!Q66</f>
        <v>51</v>
      </c>
      <c r="AS54" s="24">
        <f>'[1]年齢別人口市区町村(総数)'!Q66</f>
        <v>3591</v>
      </c>
      <c r="AT54" s="23">
        <f>'[1]年齢別人口市区町村(日本人)'!R66</f>
        <v>3084</v>
      </c>
      <c r="AU54" s="23">
        <f>'[1]年齢別人口市区町村(外国人)'!R66</f>
        <v>28</v>
      </c>
      <c r="AV54" s="24">
        <f>'[1]年齢別人口市区町村(総数)'!R66</f>
        <v>3112</v>
      </c>
      <c r="AW54" s="23">
        <f>'[1]年齢別人口市区町村(日本人)'!S66</f>
        <v>3640</v>
      </c>
      <c r="AX54" s="23">
        <f>'[1]年齢別人口市区町村(外国人)'!S66</f>
        <v>22</v>
      </c>
      <c r="AY54" s="24">
        <f>'[1]年齢別人口市区町村(総数)'!S66</f>
        <v>3662</v>
      </c>
      <c r="AZ54" s="23">
        <f>'[1]年齢別人口市区町村(日本人)'!T66</f>
        <v>5097</v>
      </c>
      <c r="BA54" s="23">
        <f>'[1]年齢別人口市区町村(外国人)'!T66</f>
        <v>16</v>
      </c>
      <c r="BB54" s="24">
        <f>'[1]年齢別人口市区町村(総数)'!T66</f>
        <v>5113</v>
      </c>
      <c r="BC54" s="23">
        <f>'[1]年齢別人口市区町村(日本人)'!U66</f>
        <v>4369</v>
      </c>
      <c r="BD54" s="23">
        <f>'[1]年齢別人口市区町村(外国人)'!U66</f>
        <v>10</v>
      </c>
      <c r="BE54" s="24">
        <f>'[1]年齢別人口市区町村(総数)'!U66</f>
        <v>4379</v>
      </c>
      <c r="BF54" s="23">
        <f>'[1]年齢別人口市区町村(日本人)'!V66</f>
        <v>2846</v>
      </c>
      <c r="BG54" s="23">
        <f>'[1]年齢別人口市区町村(外国人)'!V66</f>
        <v>4</v>
      </c>
      <c r="BH54" s="24">
        <f>'[1]年齢別人口市区町村(総数)'!V66</f>
        <v>2850</v>
      </c>
      <c r="BI54" s="23">
        <f>'[1]年齢別人口市区町村(日本人)'!W66</f>
        <v>1360</v>
      </c>
      <c r="BJ54" s="23">
        <f>'[1]年齢別人口市区町村(外国人)'!W66</f>
        <v>2</v>
      </c>
      <c r="BK54" s="24">
        <f>'[1]年齢別人口市区町村(総数)'!W66</f>
        <v>1362</v>
      </c>
      <c r="BL54" s="23">
        <f>'[1]年齢別人口市区町村(日本人)'!X66</f>
        <v>401</v>
      </c>
      <c r="BM54" s="23">
        <f>'[1]年齢別人口市区町村(外国人)'!X66</f>
        <v>0</v>
      </c>
      <c r="BN54" s="24">
        <f>'[1]年齢別人口市区町村(総数)'!X66</f>
        <v>401</v>
      </c>
      <c r="BO54" s="23">
        <f>'[1]年齢別人口市区町村(日本人)'!Y66</f>
        <v>71</v>
      </c>
      <c r="BP54" s="23">
        <f>'[1]年齢別人口市区町村(外国人)'!Y66</f>
        <v>0</v>
      </c>
      <c r="BQ54" s="61">
        <f>'[1]年齢別人口市区町村(総数)'!Y66</f>
        <v>71</v>
      </c>
    </row>
    <row r="55" spans="1:69" ht="15" thickBot="1" x14ac:dyDescent="0.2">
      <c r="A55" s="32"/>
      <c r="B55" s="25" t="s">
        <v>32</v>
      </c>
      <c r="C55" s="47"/>
      <c r="D55" s="26">
        <f>'[1]年齢別人口市区町村(日本人)'!D64</f>
        <v>118167</v>
      </c>
      <c r="E55" s="27">
        <f>'[1]年齢別人口市区町村(外国人)'!D64</f>
        <v>1775</v>
      </c>
      <c r="F55" s="28">
        <f>'[1]年齢別人口市区町村(総数)'!D64</f>
        <v>119942</v>
      </c>
      <c r="G55" s="27">
        <f>'[1]年齢別人口市区町村(日本人)'!E64</f>
        <v>3591</v>
      </c>
      <c r="H55" s="27">
        <f>'[1]年齢別人口市区町村(外国人)'!E64</f>
        <v>64</v>
      </c>
      <c r="I55" s="28">
        <f>'[1]年齢別人口市区町村(総数)'!E64</f>
        <v>3655</v>
      </c>
      <c r="J55" s="27">
        <f>'[1]年齢別人口市区町村(日本人)'!F64</f>
        <v>4082</v>
      </c>
      <c r="K55" s="27">
        <f>'[1]年齢別人口市区町村(外国人)'!F64</f>
        <v>65</v>
      </c>
      <c r="L55" s="28">
        <f>'[1]年齢別人口市区町村(総数)'!F64</f>
        <v>4147</v>
      </c>
      <c r="M55" s="27">
        <f>'[1]年齢別人口市区町村(日本人)'!G64</f>
        <v>4604</v>
      </c>
      <c r="N55" s="27">
        <f>'[1]年齢別人口市区町村(外国人)'!G64</f>
        <v>49</v>
      </c>
      <c r="O55" s="28">
        <f>'[1]年齢別人口市区町村(総数)'!G64</f>
        <v>4653</v>
      </c>
      <c r="P55" s="27">
        <f>'[1]年齢別人口市区町村(日本人)'!H64</f>
        <v>5370</v>
      </c>
      <c r="Q55" s="27">
        <f>'[1]年齢別人口市区町村(外国人)'!H64</f>
        <v>46</v>
      </c>
      <c r="R55" s="28">
        <f>'[1]年齢別人口市区町村(総数)'!H64</f>
        <v>5416</v>
      </c>
      <c r="S55" s="27">
        <f>'[1]年齢別人口市区町村(日本人)'!I64</f>
        <v>5723</v>
      </c>
      <c r="T55" s="27">
        <f>'[1]年齢別人口市区町村(外国人)'!I64</f>
        <v>131</v>
      </c>
      <c r="U55" s="28">
        <f>'[1]年齢別人口市区町村(総数)'!I64</f>
        <v>5854</v>
      </c>
      <c r="V55" s="27">
        <f>'[1]年齢別人口市区町村(日本人)'!J64</f>
        <v>5257</v>
      </c>
      <c r="W55" s="27">
        <f>'[1]年齢別人口市区町村(外国人)'!J64</f>
        <v>208</v>
      </c>
      <c r="X55" s="28">
        <f>'[1]年齢別人口市区町村(総数)'!J64</f>
        <v>5465</v>
      </c>
      <c r="Y55" s="27">
        <f>'[1]年齢別人口市区町村(日本人)'!K64</f>
        <v>5474</v>
      </c>
      <c r="Z55" s="27">
        <f>'[1]年齢別人口市区町村(外国人)'!K64</f>
        <v>236</v>
      </c>
      <c r="AA55" s="28">
        <f>'[1]年齢別人口市区町村(総数)'!K64</f>
        <v>5710</v>
      </c>
      <c r="AB55" s="27">
        <f>'[1]年齢別人口市区町村(日本人)'!L64</f>
        <v>5702</v>
      </c>
      <c r="AC55" s="27">
        <f>'[1]年齢別人口市区町村(外国人)'!L64</f>
        <v>182</v>
      </c>
      <c r="AD55" s="28">
        <f>'[1]年齢別人口市区町村(総数)'!L64</f>
        <v>5884</v>
      </c>
      <c r="AE55" s="27">
        <f>'[1]年齢別人口市区町村(日本人)'!M64</f>
        <v>6518</v>
      </c>
      <c r="AF55" s="27">
        <f>'[1]年齢別人口市区町村(外国人)'!M64</f>
        <v>156</v>
      </c>
      <c r="AG55" s="28">
        <f>'[1]年齢別人口市区町村(総数)'!M64</f>
        <v>6674</v>
      </c>
      <c r="AH55" s="27">
        <f>'[1]年齢別人口市区町村(日本人)'!N64</f>
        <v>7741</v>
      </c>
      <c r="AI55" s="27">
        <f>'[1]年齢別人口市区町村(外国人)'!N64</f>
        <v>147</v>
      </c>
      <c r="AJ55" s="28">
        <f>'[1]年齢別人口市区町村(総数)'!N64</f>
        <v>7888</v>
      </c>
      <c r="AK55" s="27">
        <f>'[1]年齢別人口市区町村(日本人)'!O64</f>
        <v>10445</v>
      </c>
      <c r="AL55" s="27">
        <f>'[1]年齢別人口市区町村(外国人)'!O64</f>
        <v>139</v>
      </c>
      <c r="AM55" s="28">
        <f>'[1]年齢別人口市区町村(総数)'!O64</f>
        <v>10584</v>
      </c>
      <c r="AN55" s="27">
        <f>'[1]年齢別人口市区町村(日本人)'!P64</f>
        <v>9536</v>
      </c>
      <c r="AO55" s="27">
        <f>'[1]年齢別人口市区町村(外国人)'!P64</f>
        <v>122</v>
      </c>
      <c r="AP55" s="28">
        <f>'[1]年齢別人口市区町村(総数)'!P64</f>
        <v>9658</v>
      </c>
      <c r="AQ55" s="27">
        <f>'[1]年齢別人口市区町村(日本人)'!Q64</f>
        <v>7283</v>
      </c>
      <c r="AR55" s="27">
        <f>'[1]年齢別人口市区町村(外国人)'!Q64</f>
        <v>91</v>
      </c>
      <c r="AS55" s="28">
        <f>'[1]年齢別人口市区町村(総数)'!Q64</f>
        <v>7374</v>
      </c>
      <c r="AT55" s="27">
        <f>'[1]年齢別人口市区町村(日本人)'!R64</f>
        <v>5959</v>
      </c>
      <c r="AU55" s="27">
        <f>'[1]年齢別人口市区町村(外国人)'!R64</f>
        <v>51</v>
      </c>
      <c r="AV55" s="28">
        <f>'[1]年齢別人口市区町村(総数)'!R64</f>
        <v>6010</v>
      </c>
      <c r="AW55" s="27">
        <f>'[1]年齢別人口市区町村(日本人)'!S64</f>
        <v>6647</v>
      </c>
      <c r="AX55" s="27">
        <f>'[1]年齢別人口市区町村(外国人)'!S64</f>
        <v>30</v>
      </c>
      <c r="AY55" s="28">
        <f>'[1]年齢別人口市区町村(総数)'!S64</f>
        <v>6677</v>
      </c>
      <c r="AZ55" s="27">
        <f>'[1]年齢別人口市区町村(日本人)'!T64</f>
        <v>8825</v>
      </c>
      <c r="BA55" s="27">
        <f>'[1]年齢別人口市区町村(外国人)'!T64</f>
        <v>29</v>
      </c>
      <c r="BB55" s="28">
        <f>'[1]年齢別人口市区町村(総数)'!T64</f>
        <v>8854</v>
      </c>
      <c r="BC55" s="27">
        <f>'[1]年齢別人口市区町村(日本人)'!U64</f>
        <v>7593</v>
      </c>
      <c r="BD55" s="27">
        <f>'[1]年齢別人口市区町村(外国人)'!U64</f>
        <v>16</v>
      </c>
      <c r="BE55" s="28">
        <f>'[1]年齢別人口市区町村(総数)'!U64</f>
        <v>7609</v>
      </c>
      <c r="BF55" s="27">
        <f>'[1]年齢別人口市区町村(日本人)'!V64</f>
        <v>4985</v>
      </c>
      <c r="BG55" s="27">
        <f>'[1]年齢別人口市区町村(外国人)'!V64</f>
        <v>10</v>
      </c>
      <c r="BH55" s="28">
        <f>'[1]年齢別人口市区町村(総数)'!V64</f>
        <v>4995</v>
      </c>
      <c r="BI55" s="27">
        <f>'[1]年齢別人口市区町村(日本人)'!W64</f>
        <v>2206</v>
      </c>
      <c r="BJ55" s="27">
        <f>'[1]年齢別人口市区町村(外国人)'!W64</f>
        <v>3</v>
      </c>
      <c r="BK55" s="28">
        <f>'[1]年齢別人口市区町村(総数)'!W64</f>
        <v>2209</v>
      </c>
      <c r="BL55" s="27">
        <f>'[1]年齢別人口市区町村(日本人)'!X64</f>
        <v>537</v>
      </c>
      <c r="BM55" s="27">
        <f>'[1]年齢別人口市区町村(外国人)'!X64</f>
        <v>0</v>
      </c>
      <c r="BN55" s="28">
        <f>'[1]年齢別人口市区町村(総数)'!X64</f>
        <v>537</v>
      </c>
      <c r="BO55" s="27">
        <f>'[1]年齢別人口市区町村(日本人)'!Y64</f>
        <v>89</v>
      </c>
      <c r="BP55" s="27">
        <f>'[1]年齢別人口市区町村(外国人)'!Y64</f>
        <v>0</v>
      </c>
      <c r="BQ55" s="62">
        <f>'[1]年齢別人口市区町村(総数)'!Y64</f>
        <v>89</v>
      </c>
    </row>
    <row r="56" spans="1:69" x14ac:dyDescent="0.15">
      <c r="A56" s="31"/>
      <c r="B56" s="17" t="s">
        <v>29</v>
      </c>
      <c r="C56" s="45">
        <v>141160</v>
      </c>
      <c r="D56" s="18">
        <f>'[1]年齢別人口市区町村(日本人)'!D68</f>
        <v>72165</v>
      </c>
      <c r="E56" s="19">
        <f>'[1]年齢別人口市区町村(外国人)'!D68</f>
        <v>1413</v>
      </c>
      <c r="F56" s="19">
        <f>'[1]年齢別人口市区町村(総数)'!D68</f>
        <v>73578</v>
      </c>
      <c r="G56" s="19">
        <f>'[1]年齢別人口市区町村(日本人)'!E68</f>
        <v>2365</v>
      </c>
      <c r="H56" s="19">
        <f>'[1]年齢別人口市区町村(外国人)'!E68</f>
        <v>47</v>
      </c>
      <c r="I56" s="19">
        <f>'[1]年齢別人口市区町村(総数)'!E68</f>
        <v>2412</v>
      </c>
      <c r="J56" s="19">
        <f>'[1]年齢別人口市区町村(日本人)'!F68</f>
        <v>2768</v>
      </c>
      <c r="K56" s="19">
        <f>'[1]年齢別人口市区町村(外国人)'!F68</f>
        <v>36</v>
      </c>
      <c r="L56" s="19">
        <f>'[1]年齢別人口市区町村(総数)'!F68</f>
        <v>2804</v>
      </c>
      <c r="M56" s="19">
        <f>'[1]年齢別人口市区町村(日本人)'!G68</f>
        <v>3061</v>
      </c>
      <c r="N56" s="19">
        <f>'[1]年齢別人口市区町村(外国人)'!G68</f>
        <v>46</v>
      </c>
      <c r="O56" s="19">
        <f>'[1]年齢別人口市区町村(総数)'!G68</f>
        <v>3107</v>
      </c>
      <c r="P56" s="19">
        <f>'[1]年齢別人口市区町村(日本人)'!H68</f>
        <v>3490</v>
      </c>
      <c r="Q56" s="19">
        <f>'[1]年齢別人口市区町村(外国人)'!H68</f>
        <v>49</v>
      </c>
      <c r="R56" s="19">
        <f>'[1]年齢別人口市区町村(総数)'!H68</f>
        <v>3539</v>
      </c>
      <c r="S56" s="19">
        <f>'[1]年齢別人口市区町村(日本人)'!I68</f>
        <v>3529</v>
      </c>
      <c r="T56" s="19">
        <f>'[1]年齢別人口市区町村(外国人)'!I68</f>
        <v>153</v>
      </c>
      <c r="U56" s="19">
        <f>'[1]年齢別人口市区町村(総数)'!I68</f>
        <v>3682</v>
      </c>
      <c r="V56" s="19">
        <f>'[1]年齢別人口市区町村(日本人)'!J68</f>
        <v>3509</v>
      </c>
      <c r="W56" s="19">
        <f>'[1]年齢別人口市区町村(外国人)'!J68</f>
        <v>226</v>
      </c>
      <c r="X56" s="19">
        <f>'[1]年齢別人口市区町村(総数)'!J68</f>
        <v>3735</v>
      </c>
      <c r="Y56" s="19">
        <f>'[1]年齢別人口市区町村(日本人)'!K68</f>
        <v>3643</v>
      </c>
      <c r="Z56" s="19">
        <f>'[1]年齢別人口市区町村(外国人)'!K68</f>
        <v>185</v>
      </c>
      <c r="AA56" s="19">
        <f>'[1]年齢別人口市区町村(総数)'!K68</f>
        <v>3828</v>
      </c>
      <c r="AB56" s="19">
        <f>'[1]年齢別人口市区町村(日本人)'!L68</f>
        <v>3669</v>
      </c>
      <c r="AC56" s="19">
        <f>'[1]年齢別人口市区町村(外国人)'!L68</f>
        <v>149</v>
      </c>
      <c r="AD56" s="19">
        <f>'[1]年齢別人口市区町村(総数)'!L68</f>
        <v>3818</v>
      </c>
      <c r="AE56" s="19">
        <f>'[1]年齢別人口市区町村(日本人)'!M68</f>
        <v>4136</v>
      </c>
      <c r="AF56" s="19">
        <f>'[1]年齢別人口市区町村(外国人)'!M68</f>
        <v>93</v>
      </c>
      <c r="AG56" s="19">
        <f>'[1]年齢別人口市区町村(総数)'!M68</f>
        <v>4229</v>
      </c>
      <c r="AH56" s="19">
        <f>'[1]年齢別人口市区町村(日本人)'!N68</f>
        <v>4934</v>
      </c>
      <c r="AI56" s="19">
        <f>'[1]年齢別人口市区町村(外国人)'!N68</f>
        <v>67</v>
      </c>
      <c r="AJ56" s="19">
        <f>'[1]年齢別人口市区町村(総数)'!N68</f>
        <v>5001</v>
      </c>
      <c r="AK56" s="19">
        <f>'[1]年齢別人口市区町村(日本人)'!O68</f>
        <v>6400</v>
      </c>
      <c r="AL56" s="19">
        <f>'[1]年齢別人口市区町村(外国人)'!O68</f>
        <v>77</v>
      </c>
      <c r="AM56" s="19">
        <f>'[1]年齢別人口市区町村(総数)'!O68</f>
        <v>6477</v>
      </c>
      <c r="AN56" s="19">
        <f>'[1]年齢別人口市区町村(日本人)'!P68</f>
        <v>6221</v>
      </c>
      <c r="AO56" s="19">
        <f>'[1]年齢別人口市区町村(外国人)'!P68</f>
        <v>71</v>
      </c>
      <c r="AP56" s="19">
        <f>'[1]年齢別人口市区町村(総数)'!P68</f>
        <v>6292</v>
      </c>
      <c r="AQ56" s="19">
        <f>'[1]年齢別人口市区町村(日本人)'!Q68</f>
        <v>5084</v>
      </c>
      <c r="AR56" s="19">
        <f>'[1]年齢別人口市区町村(外国人)'!Q68</f>
        <v>75</v>
      </c>
      <c r="AS56" s="19">
        <f>'[1]年齢別人口市区町村(総数)'!Q68</f>
        <v>5159</v>
      </c>
      <c r="AT56" s="19">
        <f>'[1]年齢別人口市区町村(日本人)'!R68</f>
        <v>4058</v>
      </c>
      <c r="AU56" s="19">
        <f>'[1]年齢別人口市区町村(外国人)'!R68</f>
        <v>51</v>
      </c>
      <c r="AV56" s="19">
        <f>'[1]年齢別人口市区町村(総数)'!R68</f>
        <v>4109</v>
      </c>
      <c r="AW56" s="19">
        <f>'[1]年齢別人口市区町村(日本人)'!S68</f>
        <v>4024</v>
      </c>
      <c r="AX56" s="19">
        <f>'[1]年齢別人口市区町村(外国人)'!S68</f>
        <v>48</v>
      </c>
      <c r="AY56" s="19">
        <f>'[1]年齢別人口市区町村(総数)'!S68</f>
        <v>4072</v>
      </c>
      <c r="AZ56" s="19">
        <f>'[1]年齢別人口市区町村(日本人)'!T68</f>
        <v>4636</v>
      </c>
      <c r="BA56" s="19">
        <f>'[1]年齢別人口市区町村(外国人)'!T68</f>
        <v>19</v>
      </c>
      <c r="BB56" s="19">
        <f>'[1]年齢別人口市区町村(総数)'!T68</f>
        <v>4655</v>
      </c>
      <c r="BC56" s="19">
        <f>'[1]年齢別人口市区町村(日本人)'!U68</f>
        <v>3429</v>
      </c>
      <c r="BD56" s="19">
        <f>'[1]年齢別人口市区町村(外国人)'!U68</f>
        <v>13</v>
      </c>
      <c r="BE56" s="19">
        <f>'[1]年齢別人口市区町村(総数)'!U68</f>
        <v>3442</v>
      </c>
      <c r="BF56" s="19">
        <f>'[1]年齢別人口市区町村(日本人)'!V68</f>
        <v>2155</v>
      </c>
      <c r="BG56" s="19">
        <f>'[1]年齢別人口市区町村(外国人)'!V68</f>
        <v>7</v>
      </c>
      <c r="BH56" s="19">
        <f>'[1]年齢別人口市区町村(総数)'!V68</f>
        <v>2162</v>
      </c>
      <c r="BI56" s="19">
        <f>'[1]年齢別人口市区町村(日本人)'!W68</f>
        <v>904</v>
      </c>
      <c r="BJ56" s="19">
        <f>'[1]年齢別人口市区町村(外国人)'!W68</f>
        <v>0</v>
      </c>
      <c r="BK56" s="19">
        <f>'[1]年齢別人口市区町村(総数)'!W68</f>
        <v>904</v>
      </c>
      <c r="BL56" s="19">
        <f>'[1]年齢別人口市区町村(日本人)'!X68</f>
        <v>140</v>
      </c>
      <c r="BM56" s="19">
        <f>'[1]年齢別人口市区町村(外国人)'!X68</f>
        <v>1</v>
      </c>
      <c r="BN56" s="19">
        <f>'[1]年齢別人口市区町村(総数)'!X68</f>
        <v>141</v>
      </c>
      <c r="BO56" s="19">
        <f>'[1]年齢別人口市区町村(日本人)'!Y68</f>
        <v>10</v>
      </c>
      <c r="BP56" s="19">
        <f>'[1]年齢別人口市区町村(外国人)'!Y68</f>
        <v>0</v>
      </c>
      <c r="BQ56" s="60">
        <f>'[1]年齢別人口市区町村(総数)'!Y68</f>
        <v>10</v>
      </c>
    </row>
    <row r="57" spans="1:69" x14ac:dyDescent="0.15">
      <c r="A57" s="31" t="s">
        <v>49</v>
      </c>
      <c r="B57" s="21" t="s">
        <v>31</v>
      </c>
      <c r="C57" s="46"/>
      <c r="D57" s="22">
        <f>'[1]年齢別人口市区町村(日本人)'!D69</f>
        <v>75652</v>
      </c>
      <c r="E57" s="23">
        <f>'[1]年齢別人口市区町村(外国人)'!D69</f>
        <v>1385</v>
      </c>
      <c r="F57" s="24">
        <f>'[1]年齢別人口市区町村(総数)'!D69</f>
        <v>77037</v>
      </c>
      <c r="G57" s="23">
        <f>'[1]年齢別人口市区町村(日本人)'!E69</f>
        <v>2322</v>
      </c>
      <c r="H57" s="23">
        <f>'[1]年齢別人口市区町村(外国人)'!E69</f>
        <v>42</v>
      </c>
      <c r="I57" s="24">
        <f>'[1]年齢別人口市区町村(総数)'!E69</f>
        <v>2364</v>
      </c>
      <c r="J57" s="23">
        <f>'[1]年齢別人口市区町村(日本人)'!F69</f>
        <v>2639</v>
      </c>
      <c r="K57" s="23">
        <f>'[1]年齢別人口市区町村(外国人)'!F69</f>
        <v>41</v>
      </c>
      <c r="L57" s="24">
        <f>'[1]年齢別人口市区町村(総数)'!F69</f>
        <v>2680</v>
      </c>
      <c r="M57" s="23">
        <f>'[1]年齢別人口市区町村(日本人)'!G69</f>
        <v>2900</v>
      </c>
      <c r="N57" s="23">
        <f>'[1]年齢別人口市区町村(外国人)'!G69</f>
        <v>40</v>
      </c>
      <c r="O57" s="24">
        <f>'[1]年齢別人口市区町村(総数)'!G69</f>
        <v>2940</v>
      </c>
      <c r="P57" s="23">
        <f>'[1]年齢別人口市区町村(日本人)'!H69</f>
        <v>3276</v>
      </c>
      <c r="Q57" s="23">
        <f>'[1]年齢別人口市区町村(外国人)'!H69</f>
        <v>49</v>
      </c>
      <c r="R57" s="24">
        <f>'[1]年齢別人口市区町村(総数)'!H69</f>
        <v>3325</v>
      </c>
      <c r="S57" s="23">
        <f>'[1]年齢別人口市区町村(日本人)'!I69</f>
        <v>3505</v>
      </c>
      <c r="T57" s="23">
        <f>'[1]年齢別人口市区町村(外国人)'!I69</f>
        <v>77</v>
      </c>
      <c r="U57" s="24">
        <f>'[1]年齢別人口市区町村(総数)'!I69</f>
        <v>3582</v>
      </c>
      <c r="V57" s="23">
        <f>'[1]年齢別人口市区町村(日本人)'!J69</f>
        <v>3650</v>
      </c>
      <c r="W57" s="23">
        <f>'[1]年齢別人口市区町村(外国人)'!J69</f>
        <v>120</v>
      </c>
      <c r="X57" s="24">
        <f>'[1]年齢別人口市区町村(総数)'!J69</f>
        <v>3770</v>
      </c>
      <c r="Y57" s="23">
        <f>'[1]年齢別人口市区町村(日本人)'!K69</f>
        <v>3617</v>
      </c>
      <c r="Z57" s="23">
        <f>'[1]年齢別人口市区町村(外国人)'!K69</f>
        <v>133</v>
      </c>
      <c r="AA57" s="24">
        <f>'[1]年齢別人口市区町村(総数)'!K69</f>
        <v>3750</v>
      </c>
      <c r="AB57" s="23">
        <f>'[1]年齢別人口市区町村(日本人)'!L69</f>
        <v>3634</v>
      </c>
      <c r="AC57" s="23">
        <f>'[1]年齢別人口市区町村(外国人)'!L69</f>
        <v>116</v>
      </c>
      <c r="AD57" s="24">
        <f>'[1]年齢別人口市区町村(総数)'!L69</f>
        <v>3750</v>
      </c>
      <c r="AE57" s="23">
        <f>'[1]年齢別人口市区町村(日本人)'!M69</f>
        <v>3966</v>
      </c>
      <c r="AF57" s="23">
        <f>'[1]年齢別人口市区町村(外国人)'!M69</f>
        <v>122</v>
      </c>
      <c r="AG57" s="24">
        <f>'[1]年齢別人口市区町村(総数)'!M69</f>
        <v>4088</v>
      </c>
      <c r="AH57" s="23">
        <f>'[1]年齢別人口市区町村(日本人)'!N69</f>
        <v>4661</v>
      </c>
      <c r="AI57" s="23">
        <f>'[1]年齢別人口市区町村(外国人)'!N69</f>
        <v>120</v>
      </c>
      <c r="AJ57" s="24">
        <f>'[1]年齢別人口市区町村(総数)'!N69</f>
        <v>4781</v>
      </c>
      <c r="AK57" s="23">
        <f>'[1]年齢別人口市区町村(日本人)'!O69</f>
        <v>6298</v>
      </c>
      <c r="AL57" s="23">
        <f>'[1]年齢別人口市区町村(外国人)'!O69</f>
        <v>126</v>
      </c>
      <c r="AM57" s="24">
        <f>'[1]年齢別人口市区町村(総数)'!O69</f>
        <v>6424</v>
      </c>
      <c r="AN57" s="23">
        <f>'[1]年齢別人口市区町村(日本人)'!P69</f>
        <v>5928</v>
      </c>
      <c r="AO57" s="23">
        <f>'[1]年齢別人口市区町村(外国人)'!P69</f>
        <v>113</v>
      </c>
      <c r="AP57" s="24">
        <f>'[1]年齢別人口市区町村(総数)'!P69</f>
        <v>6041</v>
      </c>
      <c r="AQ57" s="23">
        <f>'[1]年齢別人口市区町村(日本人)'!Q69</f>
        <v>4862</v>
      </c>
      <c r="AR57" s="23">
        <f>'[1]年齢別人口市区町村(外国人)'!Q69</f>
        <v>117</v>
      </c>
      <c r="AS57" s="24">
        <f>'[1]年齢別人口市区町村(総数)'!Q69</f>
        <v>4979</v>
      </c>
      <c r="AT57" s="23">
        <f>'[1]年齢別人口市区町村(日本人)'!R69</f>
        <v>4000</v>
      </c>
      <c r="AU57" s="23">
        <f>'[1]年齢別人口市区町村(外国人)'!R69</f>
        <v>62</v>
      </c>
      <c r="AV57" s="24">
        <f>'[1]年齢別人口市区町村(総数)'!R69</f>
        <v>4062</v>
      </c>
      <c r="AW57" s="23">
        <f>'[1]年齢別人口市区町村(日本人)'!S69</f>
        <v>4395</v>
      </c>
      <c r="AX57" s="23">
        <f>'[1]年齢別人口市区町村(外国人)'!S69</f>
        <v>43</v>
      </c>
      <c r="AY57" s="24">
        <f>'[1]年齢別人口市区町村(総数)'!S69</f>
        <v>4438</v>
      </c>
      <c r="AZ57" s="23">
        <f>'[1]年齢別人口市区町村(日本人)'!T69</f>
        <v>5658</v>
      </c>
      <c r="BA57" s="23">
        <f>'[1]年齢別人口市区町村(外国人)'!T69</f>
        <v>37</v>
      </c>
      <c r="BB57" s="24">
        <f>'[1]年齢別人口市区町村(総数)'!T69</f>
        <v>5695</v>
      </c>
      <c r="BC57" s="23">
        <f>'[1]年齢別人口市区町村(日本人)'!U69</f>
        <v>4726</v>
      </c>
      <c r="BD57" s="23">
        <f>'[1]年齢別人口市区町村(外国人)'!U69</f>
        <v>10</v>
      </c>
      <c r="BE57" s="24">
        <f>'[1]年齢別人口市区町村(総数)'!U69</f>
        <v>4736</v>
      </c>
      <c r="BF57" s="23">
        <f>'[1]年齢別人口市区町村(日本人)'!V69</f>
        <v>3307</v>
      </c>
      <c r="BG57" s="23">
        <f>'[1]年齢別人口市区町村(外国人)'!V69</f>
        <v>12</v>
      </c>
      <c r="BH57" s="24">
        <f>'[1]年齢別人口市区町村(総数)'!V69</f>
        <v>3319</v>
      </c>
      <c r="BI57" s="23">
        <f>'[1]年齢別人口市区町村(日本人)'!W69</f>
        <v>1758</v>
      </c>
      <c r="BJ57" s="23">
        <f>'[1]年齢別人口市区町村(外国人)'!W69</f>
        <v>4</v>
      </c>
      <c r="BK57" s="24">
        <f>'[1]年齢別人口市区町村(総数)'!W69</f>
        <v>1762</v>
      </c>
      <c r="BL57" s="23">
        <f>'[1]年齢別人口市区町村(日本人)'!X69</f>
        <v>482</v>
      </c>
      <c r="BM57" s="23">
        <f>'[1]年齢別人口市区町村(外国人)'!X69</f>
        <v>0</v>
      </c>
      <c r="BN57" s="24">
        <f>'[1]年齢別人口市区町村(総数)'!X69</f>
        <v>482</v>
      </c>
      <c r="BO57" s="23">
        <f>'[1]年齢別人口市区町村(日本人)'!Y69</f>
        <v>68</v>
      </c>
      <c r="BP57" s="23">
        <f>'[1]年齢別人口市区町村(外国人)'!Y69</f>
        <v>1</v>
      </c>
      <c r="BQ57" s="61">
        <f>'[1]年齢別人口市区町村(総数)'!Y69</f>
        <v>69</v>
      </c>
    </row>
    <row r="58" spans="1:69" ht="15" thickBot="1" x14ac:dyDescent="0.2">
      <c r="A58" s="32"/>
      <c r="B58" s="33" t="s">
        <v>32</v>
      </c>
      <c r="C58" s="53"/>
      <c r="D58" s="26">
        <f>'[1]年齢別人口市区町村(日本人)'!D67</f>
        <v>147817</v>
      </c>
      <c r="E58" s="27">
        <f>'[1]年齢別人口市区町村(外国人)'!D67</f>
        <v>2798</v>
      </c>
      <c r="F58" s="28">
        <f>'[1]年齢別人口市区町村(総数)'!D67</f>
        <v>150615</v>
      </c>
      <c r="G58" s="27">
        <f>'[1]年齢別人口市区町村(日本人)'!E67</f>
        <v>4687</v>
      </c>
      <c r="H58" s="27">
        <f>'[1]年齢別人口市区町村(外国人)'!E67</f>
        <v>89</v>
      </c>
      <c r="I58" s="28">
        <f>'[1]年齢別人口市区町村(総数)'!E67</f>
        <v>4776</v>
      </c>
      <c r="J58" s="27">
        <f>'[1]年齢別人口市区町村(日本人)'!F67</f>
        <v>5407</v>
      </c>
      <c r="K58" s="27">
        <f>'[1]年齢別人口市区町村(外国人)'!F67</f>
        <v>77</v>
      </c>
      <c r="L58" s="28">
        <f>'[1]年齢別人口市区町村(総数)'!F67</f>
        <v>5484</v>
      </c>
      <c r="M58" s="27">
        <f>'[1]年齢別人口市区町村(日本人)'!G67</f>
        <v>5961</v>
      </c>
      <c r="N58" s="27">
        <f>'[1]年齢別人口市区町村(外国人)'!G67</f>
        <v>86</v>
      </c>
      <c r="O58" s="28">
        <f>'[1]年齢別人口市区町村(総数)'!G67</f>
        <v>6047</v>
      </c>
      <c r="P58" s="27">
        <f>'[1]年齢別人口市区町村(日本人)'!H67</f>
        <v>6766</v>
      </c>
      <c r="Q58" s="27">
        <f>'[1]年齢別人口市区町村(外国人)'!H67</f>
        <v>98</v>
      </c>
      <c r="R58" s="28">
        <f>'[1]年齢別人口市区町村(総数)'!H67</f>
        <v>6864</v>
      </c>
      <c r="S58" s="27">
        <f>'[1]年齢別人口市区町村(日本人)'!I67</f>
        <v>7034</v>
      </c>
      <c r="T58" s="27">
        <f>'[1]年齢別人口市区町村(外国人)'!I67</f>
        <v>230</v>
      </c>
      <c r="U58" s="28">
        <f>'[1]年齢別人口市区町村(総数)'!I67</f>
        <v>7264</v>
      </c>
      <c r="V58" s="27">
        <f>'[1]年齢別人口市区町村(日本人)'!J67</f>
        <v>7159</v>
      </c>
      <c r="W58" s="27">
        <f>'[1]年齢別人口市区町村(外国人)'!J67</f>
        <v>346</v>
      </c>
      <c r="X58" s="28">
        <f>'[1]年齢別人口市区町村(総数)'!J67</f>
        <v>7505</v>
      </c>
      <c r="Y58" s="27">
        <f>'[1]年齢別人口市区町村(日本人)'!K67</f>
        <v>7260</v>
      </c>
      <c r="Z58" s="27">
        <f>'[1]年齢別人口市区町村(外国人)'!K67</f>
        <v>318</v>
      </c>
      <c r="AA58" s="28">
        <f>'[1]年齢別人口市区町村(総数)'!K67</f>
        <v>7578</v>
      </c>
      <c r="AB58" s="27">
        <f>'[1]年齢別人口市区町村(日本人)'!L67</f>
        <v>7303</v>
      </c>
      <c r="AC58" s="27">
        <f>'[1]年齢別人口市区町村(外国人)'!L67</f>
        <v>265</v>
      </c>
      <c r="AD58" s="28">
        <f>'[1]年齢別人口市区町村(総数)'!L67</f>
        <v>7568</v>
      </c>
      <c r="AE58" s="27">
        <f>'[1]年齢別人口市区町村(日本人)'!M67</f>
        <v>8102</v>
      </c>
      <c r="AF58" s="27">
        <f>'[1]年齢別人口市区町村(外国人)'!M67</f>
        <v>215</v>
      </c>
      <c r="AG58" s="28">
        <f>'[1]年齢別人口市区町村(総数)'!M67</f>
        <v>8317</v>
      </c>
      <c r="AH58" s="27">
        <f>'[1]年齢別人口市区町村(日本人)'!N67</f>
        <v>9595</v>
      </c>
      <c r="AI58" s="27">
        <f>'[1]年齢別人口市区町村(外国人)'!N67</f>
        <v>187</v>
      </c>
      <c r="AJ58" s="28">
        <f>'[1]年齢別人口市区町村(総数)'!N67</f>
        <v>9782</v>
      </c>
      <c r="AK58" s="27">
        <f>'[1]年齢別人口市区町村(日本人)'!O67</f>
        <v>12698</v>
      </c>
      <c r="AL58" s="27">
        <f>'[1]年齢別人口市区町村(外国人)'!O67</f>
        <v>203</v>
      </c>
      <c r="AM58" s="28">
        <f>'[1]年齢別人口市区町村(総数)'!O67</f>
        <v>12901</v>
      </c>
      <c r="AN58" s="27">
        <f>'[1]年齢別人口市区町村(日本人)'!P67</f>
        <v>12149</v>
      </c>
      <c r="AO58" s="27">
        <f>'[1]年齢別人口市区町村(外国人)'!P67</f>
        <v>184</v>
      </c>
      <c r="AP58" s="28">
        <f>'[1]年齢別人口市区町村(総数)'!P67</f>
        <v>12333</v>
      </c>
      <c r="AQ58" s="27">
        <f>'[1]年齢別人口市区町村(日本人)'!Q67</f>
        <v>9946</v>
      </c>
      <c r="AR58" s="27">
        <f>'[1]年齢別人口市区町村(外国人)'!Q67</f>
        <v>192</v>
      </c>
      <c r="AS58" s="28">
        <f>'[1]年齢別人口市区町村(総数)'!Q67</f>
        <v>10138</v>
      </c>
      <c r="AT58" s="27">
        <f>'[1]年齢別人口市区町村(日本人)'!R67</f>
        <v>8058</v>
      </c>
      <c r="AU58" s="27">
        <f>'[1]年齢別人口市区町村(外国人)'!R67</f>
        <v>113</v>
      </c>
      <c r="AV58" s="28">
        <f>'[1]年齢別人口市区町村(総数)'!R67</f>
        <v>8171</v>
      </c>
      <c r="AW58" s="27">
        <f>'[1]年齢別人口市区町村(日本人)'!S67</f>
        <v>8419</v>
      </c>
      <c r="AX58" s="27">
        <f>'[1]年齢別人口市区町村(外国人)'!S67</f>
        <v>91</v>
      </c>
      <c r="AY58" s="28">
        <f>'[1]年齢別人口市区町村(総数)'!S67</f>
        <v>8510</v>
      </c>
      <c r="AZ58" s="27">
        <f>'[1]年齢別人口市区町村(日本人)'!T67</f>
        <v>10294</v>
      </c>
      <c r="BA58" s="27">
        <f>'[1]年齢別人口市区町村(外国人)'!T67</f>
        <v>56</v>
      </c>
      <c r="BB58" s="28">
        <f>'[1]年齢別人口市区町村(総数)'!T67</f>
        <v>10350</v>
      </c>
      <c r="BC58" s="27">
        <f>'[1]年齢別人口市区町村(日本人)'!U67</f>
        <v>8155</v>
      </c>
      <c r="BD58" s="27">
        <f>'[1]年齢別人口市区町村(外国人)'!U67</f>
        <v>23</v>
      </c>
      <c r="BE58" s="28">
        <f>'[1]年齢別人口市区町村(総数)'!U67</f>
        <v>8178</v>
      </c>
      <c r="BF58" s="27">
        <f>'[1]年齢別人口市区町村(日本人)'!V67</f>
        <v>5462</v>
      </c>
      <c r="BG58" s="27">
        <f>'[1]年齢別人口市区町村(外国人)'!V67</f>
        <v>19</v>
      </c>
      <c r="BH58" s="28">
        <f>'[1]年齢別人口市区町村(総数)'!V67</f>
        <v>5481</v>
      </c>
      <c r="BI58" s="27">
        <f>'[1]年齢別人口市区町村(日本人)'!W67</f>
        <v>2662</v>
      </c>
      <c r="BJ58" s="27">
        <f>'[1]年齢別人口市区町村(外国人)'!W67</f>
        <v>4</v>
      </c>
      <c r="BK58" s="28">
        <f>'[1]年齢別人口市区町村(総数)'!W67</f>
        <v>2666</v>
      </c>
      <c r="BL58" s="27">
        <f>'[1]年齢別人口市区町村(日本人)'!X67</f>
        <v>622</v>
      </c>
      <c r="BM58" s="27">
        <f>'[1]年齢別人口市区町村(外国人)'!X67</f>
        <v>1</v>
      </c>
      <c r="BN58" s="28">
        <f>'[1]年齢別人口市区町村(総数)'!X67</f>
        <v>623</v>
      </c>
      <c r="BO58" s="27">
        <f>'[1]年齢別人口市区町村(日本人)'!Y67</f>
        <v>78</v>
      </c>
      <c r="BP58" s="27">
        <f>'[1]年齢別人口市区町村(外国人)'!Y67</f>
        <v>1</v>
      </c>
      <c r="BQ58" s="62">
        <f>'[1]年齢別人口市区町村(総数)'!Y67</f>
        <v>79</v>
      </c>
    </row>
    <row r="59" spans="1:69" x14ac:dyDescent="0.15">
      <c r="A59" s="31"/>
      <c r="B59" s="34" t="s">
        <v>29</v>
      </c>
      <c r="C59" s="54">
        <v>141178</v>
      </c>
      <c r="D59" s="18">
        <f>'[1]年齢別人口市区町村(日本人)'!D71</f>
        <v>144087</v>
      </c>
      <c r="E59" s="19">
        <f>'[1]年齢別人口市区町村(外国人)'!D71</f>
        <v>3267</v>
      </c>
      <c r="F59" s="19">
        <f>'[1]年齢別人口市区町村(総数)'!D71</f>
        <v>147354</v>
      </c>
      <c r="G59" s="19">
        <f>'[1]年齢別人口市区町村(日本人)'!E71</f>
        <v>4677</v>
      </c>
      <c r="H59" s="19">
        <f>'[1]年齢別人口市区町村(外国人)'!E71</f>
        <v>126</v>
      </c>
      <c r="I59" s="19">
        <f>'[1]年齢別人口市区町村(総数)'!E71</f>
        <v>4803</v>
      </c>
      <c r="J59" s="19">
        <f>'[1]年齢別人口市区町村(日本人)'!F71</f>
        <v>6064</v>
      </c>
      <c r="K59" s="19">
        <f>'[1]年齢別人口市区町村(外国人)'!F71</f>
        <v>113</v>
      </c>
      <c r="L59" s="19">
        <f>'[1]年齢別人口市区町村(総数)'!F71</f>
        <v>6177</v>
      </c>
      <c r="M59" s="19">
        <f>'[1]年齢別人口市区町村(日本人)'!G71</f>
        <v>7102</v>
      </c>
      <c r="N59" s="19">
        <f>'[1]年齢別人口市区町村(外国人)'!G71</f>
        <v>70</v>
      </c>
      <c r="O59" s="19">
        <f>'[1]年齢別人口市区町村(総数)'!G71</f>
        <v>7172</v>
      </c>
      <c r="P59" s="19">
        <f>'[1]年齢別人口市区町村(日本人)'!H71</f>
        <v>7584</v>
      </c>
      <c r="Q59" s="19">
        <f>'[1]年齢別人口市区町村(外国人)'!H71</f>
        <v>84</v>
      </c>
      <c r="R59" s="19">
        <f>'[1]年齢別人口市区町村(総数)'!H71</f>
        <v>7668</v>
      </c>
      <c r="S59" s="19">
        <f>'[1]年齢別人口市区町村(日本人)'!I71</f>
        <v>8355</v>
      </c>
      <c r="T59" s="19">
        <f>'[1]年齢別人口市区町村(外国人)'!I71</f>
        <v>375</v>
      </c>
      <c r="U59" s="19">
        <f>'[1]年齢別人口市区町村(総数)'!I71</f>
        <v>8730</v>
      </c>
      <c r="V59" s="19">
        <f>'[1]年齢別人口市区町村(日本人)'!J71</f>
        <v>7152</v>
      </c>
      <c r="W59" s="19">
        <f>'[1]年齢別人口市区町村(外国人)'!J71</f>
        <v>540</v>
      </c>
      <c r="X59" s="19">
        <f>'[1]年齢別人口市区町村(総数)'!J71</f>
        <v>7692</v>
      </c>
      <c r="Y59" s="19">
        <f>'[1]年齢別人口市区町村(日本人)'!K71</f>
        <v>6844</v>
      </c>
      <c r="Z59" s="19">
        <f>'[1]年齢別人口市区町村(外国人)'!K71</f>
        <v>544</v>
      </c>
      <c r="AA59" s="19">
        <f>'[1]年齢別人口市区町村(総数)'!K71</f>
        <v>7388</v>
      </c>
      <c r="AB59" s="19">
        <f>'[1]年齢別人口市区町村(日本人)'!L71</f>
        <v>7169</v>
      </c>
      <c r="AC59" s="19">
        <f>'[1]年齢別人口市区町村(外国人)'!L71</f>
        <v>453</v>
      </c>
      <c r="AD59" s="19">
        <f>'[1]年齢別人口市区町村(総数)'!L71</f>
        <v>7622</v>
      </c>
      <c r="AE59" s="19">
        <f>'[1]年齢別人口市区町村(日本人)'!M71</f>
        <v>8756</v>
      </c>
      <c r="AF59" s="19">
        <f>'[1]年齢別人口市区町村(外国人)'!M71</f>
        <v>287</v>
      </c>
      <c r="AG59" s="19">
        <f>'[1]年齢別人口市区町村(総数)'!M71</f>
        <v>9043</v>
      </c>
      <c r="AH59" s="19">
        <f>'[1]年齢別人口市区町村(日本人)'!N71</f>
        <v>10263</v>
      </c>
      <c r="AI59" s="19">
        <f>'[1]年齢別人口市区町村(外国人)'!N71</f>
        <v>190</v>
      </c>
      <c r="AJ59" s="19">
        <f>'[1]年齢別人口市区町村(総数)'!N71</f>
        <v>10453</v>
      </c>
      <c r="AK59" s="19">
        <f>'[1]年齢別人口市区町村(日本人)'!O71</f>
        <v>12285</v>
      </c>
      <c r="AL59" s="19">
        <f>'[1]年齢別人口市区町村(外国人)'!O71</f>
        <v>158</v>
      </c>
      <c r="AM59" s="19">
        <f>'[1]年齢別人口市区町村(総数)'!O71</f>
        <v>12443</v>
      </c>
      <c r="AN59" s="19">
        <f>'[1]年齢別人口市区町村(日本人)'!P71</f>
        <v>13174</v>
      </c>
      <c r="AO59" s="19">
        <f>'[1]年齢別人口市区町村(外国人)'!P71</f>
        <v>120</v>
      </c>
      <c r="AP59" s="19">
        <f>'[1]年齢別人口市区町村(総数)'!P71</f>
        <v>13294</v>
      </c>
      <c r="AQ59" s="19">
        <f>'[1]年齢別人口市区町村(日本人)'!Q71</f>
        <v>11911</v>
      </c>
      <c r="AR59" s="19">
        <f>'[1]年齢別人口市区町村(外国人)'!Q71</f>
        <v>89</v>
      </c>
      <c r="AS59" s="19">
        <f>'[1]年齢別人口市区町村(総数)'!Q71</f>
        <v>12000</v>
      </c>
      <c r="AT59" s="19">
        <f>'[1]年齢別人口市区町村(日本人)'!R71</f>
        <v>8556</v>
      </c>
      <c r="AU59" s="19">
        <f>'[1]年齢別人口市区町村(外国人)'!R71</f>
        <v>56</v>
      </c>
      <c r="AV59" s="19">
        <f>'[1]年齢別人口市区町村(総数)'!R71</f>
        <v>8612</v>
      </c>
      <c r="AW59" s="19">
        <f>'[1]年齢別人口市区町村(日本人)'!S71</f>
        <v>6867</v>
      </c>
      <c r="AX59" s="19">
        <f>'[1]年齢別人口市区町村(外国人)'!S71</f>
        <v>35</v>
      </c>
      <c r="AY59" s="19">
        <f>'[1]年齢別人口市区町村(総数)'!S71</f>
        <v>6902</v>
      </c>
      <c r="AZ59" s="19">
        <f>'[1]年齢別人口市区町村(日本人)'!T71</f>
        <v>7540</v>
      </c>
      <c r="BA59" s="19">
        <f>'[1]年齢別人口市区町村(外国人)'!T71</f>
        <v>13</v>
      </c>
      <c r="BB59" s="19">
        <f>'[1]年齢別人口市区町村(総数)'!T71</f>
        <v>7553</v>
      </c>
      <c r="BC59" s="19">
        <f>'[1]年齢別人口市区町村(日本人)'!U71</f>
        <v>5088</v>
      </c>
      <c r="BD59" s="19">
        <f>'[1]年齢別人口市区町村(外国人)'!U71</f>
        <v>9</v>
      </c>
      <c r="BE59" s="19">
        <f>'[1]年齢別人口市区町村(総数)'!U71</f>
        <v>5097</v>
      </c>
      <c r="BF59" s="19">
        <f>'[1]年齢別人口市区町村(日本人)'!V71</f>
        <v>3048</v>
      </c>
      <c r="BG59" s="19">
        <f>'[1]年齢別人口市区町村(外国人)'!V71</f>
        <v>4</v>
      </c>
      <c r="BH59" s="19">
        <f>'[1]年齢別人口市区町村(総数)'!V71</f>
        <v>3052</v>
      </c>
      <c r="BI59" s="19">
        <f>'[1]年齢別人口市区町村(日本人)'!W71</f>
        <v>1342</v>
      </c>
      <c r="BJ59" s="19">
        <f>'[1]年齢別人口市区町村(外国人)'!W71</f>
        <v>1</v>
      </c>
      <c r="BK59" s="19">
        <f>'[1]年齢別人口市区町村(総数)'!W71</f>
        <v>1343</v>
      </c>
      <c r="BL59" s="19">
        <f>'[1]年齢別人口市区町村(日本人)'!X71</f>
        <v>284</v>
      </c>
      <c r="BM59" s="19">
        <f>'[1]年齢別人口市区町村(外国人)'!X71</f>
        <v>0</v>
      </c>
      <c r="BN59" s="19">
        <f>'[1]年齢別人口市区町村(総数)'!X71</f>
        <v>284</v>
      </c>
      <c r="BO59" s="19">
        <f>'[1]年齢別人口市区町村(日本人)'!Y71</f>
        <v>26</v>
      </c>
      <c r="BP59" s="19">
        <f>'[1]年齢別人口市区町村(外国人)'!Y71</f>
        <v>0</v>
      </c>
      <c r="BQ59" s="60">
        <f>'[1]年齢別人口市区町村(総数)'!Y71</f>
        <v>26</v>
      </c>
    </row>
    <row r="60" spans="1:69" x14ac:dyDescent="0.15">
      <c r="A60" s="31" t="s">
        <v>50</v>
      </c>
      <c r="B60" s="21" t="s">
        <v>31</v>
      </c>
      <c r="C60" s="55"/>
      <c r="D60" s="22">
        <f>'[1]年齢別人口市区町村(日本人)'!D72</f>
        <v>155075</v>
      </c>
      <c r="E60" s="23">
        <f>'[1]年齢別人口市区町村(外国人)'!D72</f>
        <v>3151</v>
      </c>
      <c r="F60" s="24">
        <f>'[1]年齢別人口市区町村(総数)'!D72</f>
        <v>158226</v>
      </c>
      <c r="G60" s="23">
        <f>'[1]年齢別人口市区町村(日本人)'!E72</f>
        <v>4415</v>
      </c>
      <c r="H60" s="23">
        <f>'[1]年齢別人口市区町村(外国人)'!E72</f>
        <v>111</v>
      </c>
      <c r="I60" s="24">
        <f>'[1]年齢別人口市区町村(総数)'!E72</f>
        <v>4526</v>
      </c>
      <c r="J60" s="23">
        <f>'[1]年齢別人口市区町村(日本人)'!F72</f>
        <v>5723</v>
      </c>
      <c r="K60" s="23">
        <f>'[1]年齢別人口市区町村(外国人)'!F72</f>
        <v>93</v>
      </c>
      <c r="L60" s="24">
        <f>'[1]年齢別人口市区町村(総数)'!F72</f>
        <v>5816</v>
      </c>
      <c r="M60" s="23">
        <f>'[1]年齢別人口市区町村(日本人)'!G72</f>
        <v>6705</v>
      </c>
      <c r="N60" s="23">
        <f>'[1]年齢別人口市区町村(外国人)'!G72</f>
        <v>74</v>
      </c>
      <c r="O60" s="24">
        <f>'[1]年齢別人口市区町村(総数)'!G72</f>
        <v>6779</v>
      </c>
      <c r="P60" s="23">
        <f>'[1]年齢別人口市区町村(日本人)'!H72</f>
        <v>7217</v>
      </c>
      <c r="Q60" s="23">
        <f>'[1]年齢別人口市区町村(外国人)'!H72</f>
        <v>86</v>
      </c>
      <c r="R60" s="24">
        <f>'[1]年齢別人口市区町村(総数)'!H72</f>
        <v>7303</v>
      </c>
      <c r="S60" s="23">
        <f>'[1]年齢別人口市区町村(日本人)'!I72</f>
        <v>8222</v>
      </c>
      <c r="T60" s="23">
        <f>'[1]年齢別人口市区町村(外国人)'!I72</f>
        <v>404</v>
      </c>
      <c r="U60" s="24">
        <f>'[1]年齢別人口市区町村(総数)'!I72</f>
        <v>8626</v>
      </c>
      <c r="V60" s="23">
        <f>'[1]年齢別人口市区町村(日本人)'!J72</f>
        <v>7997</v>
      </c>
      <c r="W60" s="23">
        <f>'[1]年齢別人口市区町村(外国人)'!J72</f>
        <v>470</v>
      </c>
      <c r="X60" s="24">
        <f>'[1]年齢別人口市区町村(総数)'!J72</f>
        <v>8467</v>
      </c>
      <c r="Y60" s="23">
        <f>'[1]年齢別人口市区町村(日本人)'!K72</f>
        <v>7371</v>
      </c>
      <c r="Z60" s="23">
        <f>'[1]年齢別人口市区町村(外国人)'!K72</f>
        <v>460</v>
      </c>
      <c r="AA60" s="24">
        <f>'[1]年齢別人口市区町村(総数)'!K72</f>
        <v>7831</v>
      </c>
      <c r="AB60" s="23">
        <f>'[1]年齢別人口市区町村(日本人)'!L72</f>
        <v>7627</v>
      </c>
      <c r="AC60" s="23">
        <f>'[1]年齢別人口市区町村(外国人)'!L72</f>
        <v>346</v>
      </c>
      <c r="AD60" s="24">
        <f>'[1]年齢別人口市区町村(総数)'!L72</f>
        <v>7973</v>
      </c>
      <c r="AE60" s="23">
        <f>'[1]年齢別人口市区町村(日本人)'!M72</f>
        <v>9159</v>
      </c>
      <c r="AF60" s="23">
        <f>'[1]年齢別人口市区町村(外国人)'!M72</f>
        <v>285</v>
      </c>
      <c r="AG60" s="24">
        <f>'[1]年齢別人口市区町村(総数)'!M72</f>
        <v>9444</v>
      </c>
      <c r="AH60" s="23">
        <f>'[1]年齢別人口市区町村(日本人)'!N72</f>
        <v>10964</v>
      </c>
      <c r="AI60" s="23">
        <f>'[1]年齢別人口市区町村(外国人)'!N72</f>
        <v>207</v>
      </c>
      <c r="AJ60" s="24">
        <f>'[1]年齢別人口市区町村(総数)'!N72</f>
        <v>11171</v>
      </c>
      <c r="AK60" s="23">
        <f>'[1]年齢別人口市区町村(日本人)'!O72</f>
        <v>13567</v>
      </c>
      <c r="AL60" s="23">
        <f>'[1]年齢別人口市区町村(外国人)'!O72</f>
        <v>170</v>
      </c>
      <c r="AM60" s="24">
        <f>'[1]年齢別人口市区町村(総数)'!O72</f>
        <v>13737</v>
      </c>
      <c r="AN60" s="23">
        <f>'[1]年齢別人口市区町村(日本人)'!P72</f>
        <v>14065</v>
      </c>
      <c r="AO60" s="23">
        <f>'[1]年齢別人口市区町村(外国人)'!P72</f>
        <v>167</v>
      </c>
      <c r="AP60" s="24">
        <f>'[1]年齢別人口市区町村(総数)'!P72</f>
        <v>14232</v>
      </c>
      <c r="AQ60" s="23">
        <f>'[1]年齢別人口市区町村(日本人)'!Q72</f>
        <v>11483</v>
      </c>
      <c r="AR60" s="23">
        <f>'[1]年齢別人口市区町村(外国人)'!Q72</f>
        <v>111</v>
      </c>
      <c r="AS60" s="24">
        <f>'[1]年齢別人口市区町村(総数)'!Q72</f>
        <v>11594</v>
      </c>
      <c r="AT60" s="23">
        <f>'[1]年齢別人口市区町村(日本人)'!R72</f>
        <v>8512</v>
      </c>
      <c r="AU60" s="23">
        <f>'[1]年齢別人口市区町村(外国人)'!R72</f>
        <v>72</v>
      </c>
      <c r="AV60" s="24">
        <f>'[1]年齢別人口市区町村(総数)'!R72</f>
        <v>8584</v>
      </c>
      <c r="AW60" s="23">
        <f>'[1]年齢別人口市区町村(日本人)'!S72</f>
        <v>7734</v>
      </c>
      <c r="AX60" s="23">
        <f>'[1]年齢別人口市区町村(外国人)'!S72</f>
        <v>40</v>
      </c>
      <c r="AY60" s="24">
        <f>'[1]年齢別人口市区町村(総数)'!S72</f>
        <v>7774</v>
      </c>
      <c r="AZ60" s="23">
        <f>'[1]年齢別人口市区町村(日本人)'!T72</f>
        <v>9173</v>
      </c>
      <c r="BA60" s="23">
        <f>'[1]年齢別人口市区町村(外国人)'!T72</f>
        <v>23</v>
      </c>
      <c r="BB60" s="24">
        <f>'[1]年齢別人口市区町村(総数)'!T72</f>
        <v>9196</v>
      </c>
      <c r="BC60" s="23">
        <f>'[1]年齢別人口市区町村(日本人)'!U72</f>
        <v>6775</v>
      </c>
      <c r="BD60" s="23">
        <f>'[1]年齢別人口市区町村(外国人)'!U72</f>
        <v>20</v>
      </c>
      <c r="BE60" s="24">
        <f>'[1]年齢別人口市区町村(総数)'!U72</f>
        <v>6795</v>
      </c>
      <c r="BF60" s="23">
        <f>'[1]年齢別人口市区町村(日本人)'!V72</f>
        <v>4653</v>
      </c>
      <c r="BG60" s="23">
        <f>'[1]年齢別人口市区町村(外国人)'!V72</f>
        <v>5</v>
      </c>
      <c r="BH60" s="24">
        <f>'[1]年齢別人口市区町村(総数)'!V72</f>
        <v>4658</v>
      </c>
      <c r="BI60" s="23">
        <f>'[1]年齢別人口市区町村(日本人)'!W72</f>
        <v>2620</v>
      </c>
      <c r="BJ60" s="23">
        <f>'[1]年齢別人口市区町村(外国人)'!W72</f>
        <v>6</v>
      </c>
      <c r="BK60" s="24">
        <f>'[1]年齢別人口市区町村(総数)'!W72</f>
        <v>2626</v>
      </c>
      <c r="BL60" s="23">
        <f>'[1]年齢別人口市区町村(日本人)'!X72</f>
        <v>920</v>
      </c>
      <c r="BM60" s="23">
        <f>'[1]年齢別人口市区町村(外国人)'!X72</f>
        <v>0</v>
      </c>
      <c r="BN60" s="24">
        <f>'[1]年齢別人口市区町村(総数)'!X72</f>
        <v>920</v>
      </c>
      <c r="BO60" s="23">
        <f>'[1]年齢別人口市区町村(日本人)'!Y72</f>
        <v>173</v>
      </c>
      <c r="BP60" s="23">
        <f>'[1]年齢別人口市区町村(外国人)'!Y72</f>
        <v>1</v>
      </c>
      <c r="BQ60" s="61">
        <f>'[1]年齢別人口市区町村(総数)'!Y72</f>
        <v>174</v>
      </c>
    </row>
    <row r="61" spans="1:69" ht="15" thickBot="1" x14ac:dyDescent="0.2">
      <c r="A61" s="32"/>
      <c r="B61" s="25" t="s">
        <v>32</v>
      </c>
      <c r="C61" s="56"/>
      <c r="D61" s="26">
        <f>'[1]年齢別人口市区町村(日本人)'!D70</f>
        <v>299162</v>
      </c>
      <c r="E61" s="27">
        <f>'[1]年齢別人口市区町村(外国人)'!D70</f>
        <v>6418</v>
      </c>
      <c r="F61" s="28">
        <f>'[1]年齢別人口市区町村(総数)'!D70</f>
        <v>305580</v>
      </c>
      <c r="G61" s="27">
        <f>'[1]年齢別人口市区町村(日本人)'!E70</f>
        <v>9092</v>
      </c>
      <c r="H61" s="27">
        <f>'[1]年齢別人口市区町村(外国人)'!E70</f>
        <v>237</v>
      </c>
      <c r="I61" s="28">
        <f>'[1]年齢別人口市区町村(総数)'!E70</f>
        <v>9329</v>
      </c>
      <c r="J61" s="27">
        <f>'[1]年齢別人口市区町村(日本人)'!F70</f>
        <v>11787</v>
      </c>
      <c r="K61" s="27">
        <f>'[1]年齢別人口市区町村(外国人)'!F70</f>
        <v>206</v>
      </c>
      <c r="L61" s="28">
        <f>'[1]年齢別人口市区町村(総数)'!F70</f>
        <v>11993</v>
      </c>
      <c r="M61" s="27">
        <f>'[1]年齢別人口市区町村(日本人)'!G70</f>
        <v>13807</v>
      </c>
      <c r="N61" s="27">
        <f>'[1]年齢別人口市区町村(外国人)'!G70</f>
        <v>144</v>
      </c>
      <c r="O61" s="28">
        <f>'[1]年齢別人口市区町村(総数)'!G70</f>
        <v>13951</v>
      </c>
      <c r="P61" s="27">
        <f>'[1]年齢別人口市区町村(日本人)'!H70</f>
        <v>14801</v>
      </c>
      <c r="Q61" s="27">
        <f>'[1]年齢別人口市区町村(外国人)'!H70</f>
        <v>170</v>
      </c>
      <c r="R61" s="28">
        <f>'[1]年齢別人口市区町村(総数)'!H70</f>
        <v>14971</v>
      </c>
      <c r="S61" s="27">
        <f>'[1]年齢別人口市区町村(日本人)'!I70</f>
        <v>16577</v>
      </c>
      <c r="T61" s="27">
        <f>'[1]年齢別人口市区町村(外国人)'!I70</f>
        <v>779</v>
      </c>
      <c r="U61" s="28">
        <f>'[1]年齢別人口市区町村(総数)'!I70</f>
        <v>17356</v>
      </c>
      <c r="V61" s="27">
        <f>'[1]年齢別人口市区町村(日本人)'!J70</f>
        <v>15149</v>
      </c>
      <c r="W61" s="27">
        <f>'[1]年齢別人口市区町村(外国人)'!J70</f>
        <v>1010</v>
      </c>
      <c r="X61" s="28">
        <f>'[1]年齢別人口市区町村(総数)'!J70</f>
        <v>16159</v>
      </c>
      <c r="Y61" s="27">
        <f>'[1]年齢別人口市区町村(日本人)'!K70</f>
        <v>14215</v>
      </c>
      <c r="Z61" s="27">
        <f>'[1]年齢別人口市区町村(外国人)'!K70</f>
        <v>1004</v>
      </c>
      <c r="AA61" s="28">
        <f>'[1]年齢別人口市区町村(総数)'!K70</f>
        <v>15219</v>
      </c>
      <c r="AB61" s="27">
        <f>'[1]年齢別人口市区町村(日本人)'!L70</f>
        <v>14796</v>
      </c>
      <c r="AC61" s="27">
        <f>'[1]年齢別人口市区町村(外国人)'!L70</f>
        <v>799</v>
      </c>
      <c r="AD61" s="28">
        <f>'[1]年齢別人口市区町村(総数)'!L70</f>
        <v>15595</v>
      </c>
      <c r="AE61" s="27">
        <f>'[1]年齢別人口市区町村(日本人)'!M70</f>
        <v>17915</v>
      </c>
      <c r="AF61" s="27">
        <f>'[1]年齢別人口市区町村(外国人)'!M70</f>
        <v>572</v>
      </c>
      <c r="AG61" s="28">
        <f>'[1]年齢別人口市区町村(総数)'!M70</f>
        <v>18487</v>
      </c>
      <c r="AH61" s="27">
        <f>'[1]年齢別人口市区町村(日本人)'!N70</f>
        <v>21227</v>
      </c>
      <c r="AI61" s="27">
        <f>'[1]年齢別人口市区町村(外国人)'!N70</f>
        <v>397</v>
      </c>
      <c r="AJ61" s="28">
        <f>'[1]年齢別人口市区町村(総数)'!N70</f>
        <v>21624</v>
      </c>
      <c r="AK61" s="27">
        <f>'[1]年齢別人口市区町村(日本人)'!O70</f>
        <v>25852</v>
      </c>
      <c r="AL61" s="27">
        <f>'[1]年齢別人口市区町村(外国人)'!O70</f>
        <v>328</v>
      </c>
      <c r="AM61" s="28">
        <f>'[1]年齢別人口市区町村(総数)'!O70</f>
        <v>26180</v>
      </c>
      <c r="AN61" s="27">
        <f>'[1]年齢別人口市区町村(日本人)'!P70</f>
        <v>27239</v>
      </c>
      <c r="AO61" s="27">
        <f>'[1]年齢別人口市区町村(外国人)'!P70</f>
        <v>287</v>
      </c>
      <c r="AP61" s="28">
        <f>'[1]年齢別人口市区町村(総数)'!P70</f>
        <v>27526</v>
      </c>
      <c r="AQ61" s="27">
        <f>'[1]年齢別人口市区町村(日本人)'!Q70</f>
        <v>23394</v>
      </c>
      <c r="AR61" s="27">
        <f>'[1]年齢別人口市区町村(外国人)'!Q70</f>
        <v>200</v>
      </c>
      <c r="AS61" s="28">
        <f>'[1]年齢別人口市区町村(総数)'!Q70</f>
        <v>23594</v>
      </c>
      <c r="AT61" s="27">
        <f>'[1]年齢別人口市区町村(日本人)'!R70</f>
        <v>17068</v>
      </c>
      <c r="AU61" s="27">
        <f>'[1]年齢別人口市区町村(外国人)'!R70</f>
        <v>128</v>
      </c>
      <c r="AV61" s="28">
        <f>'[1]年齢別人口市区町村(総数)'!R70</f>
        <v>17196</v>
      </c>
      <c r="AW61" s="27">
        <f>'[1]年齢別人口市区町村(日本人)'!S70</f>
        <v>14601</v>
      </c>
      <c r="AX61" s="27">
        <f>'[1]年齢別人口市区町村(外国人)'!S70</f>
        <v>75</v>
      </c>
      <c r="AY61" s="28">
        <f>'[1]年齢別人口市区町村(総数)'!S70</f>
        <v>14676</v>
      </c>
      <c r="AZ61" s="27">
        <f>'[1]年齢別人口市区町村(日本人)'!T70</f>
        <v>16713</v>
      </c>
      <c r="BA61" s="27">
        <f>'[1]年齢別人口市区町村(外国人)'!T70</f>
        <v>36</v>
      </c>
      <c r="BB61" s="28">
        <f>'[1]年齢別人口市区町村(総数)'!T70</f>
        <v>16749</v>
      </c>
      <c r="BC61" s="27">
        <f>'[1]年齢別人口市区町村(日本人)'!U70</f>
        <v>11863</v>
      </c>
      <c r="BD61" s="27">
        <f>'[1]年齢別人口市区町村(外国人)'!U70</f>
        <v>29</v>
      </c>
      <c r="BE61" s="28">
        <f>'[1]年齢別人口市区町村(総数)'!U70</f>
        <v>11892</v>
      </c>
      <c r="BF61" s="27">
        <f>'[1]年齢別人口市区町村(日本人)'!V70</f>
        <v>7701</v>
      </c>
      <c r="BG61" s="27">
        <f>'[1]年齢別人口市区町村(外国人)'!V70</f>
        <v>9</v>
      </c>
      <c r="BH61" s="28">
        <f>'[1]年齢別人口市区町村(総数)'!V70</f>
        <v>7710</v>
      </c>
      <c r="BI61" s="27">
        <f>'[1]年齢別人口市区町村(日本人)'!W70</f>
        <v>3962</v>
      </c>
      <c r="BJ61" s="27">
        <f>'[1]年齢別人口市区町村(外国人)'!W70</f>
        <v>7</v>
      </c>
      <c r="BK61" s="28">
        <f>'[1]年齢別人口市区町村(総数)'!W70</f>
        <v>3969</v>
      </c>
      <c r="BL61" s="27">
        <f>'[1]年齢別人口市区町村(日本人)'!X70</f>
        <v>1204</v>
      </c>
      <c r="BM61" s="27">
        <f>'[1]年齢別人口市区町村(外国人)'!X70</f>
        <v>0</v>
      </c>
      <c r="BN61" s="28">
        <f>'[1]年齢別人口市区町村(総数)'!X70</f>
        <v>1204</v>
      </c>
      <c r="BO61" s="27">
        <f>'[1]年齢別人口市区町村(日本人)'!Y70</f>
        <v>199</v>
      </c>
      <c r="BP61" s="27">
        <f>'[1]年齢別人口市区町村(外国人)'!Y70</f>
        <v>1</v>
      </c>
      <c r="BQ61" s="62">
        <f>'[1]年齢別人口市区町村(総数)'!Y70</f>
        <v>200</v>
      </c>
    </row>
    <row r="62" spans="1:69" x14ac:dyDescent="0.15">
      <c r="A62" s="31"/>
      <c r="B62" s="17" t="s">
        <v>29</v>
      </c>
      <c r="C62" s="45">
        <v>141186</v>
      </c>
      <c r="D62" s="18">
        <f>'[1]年齢別人口市区町村(日本人)'!D74</f>
        <v>103175</v>
      </c>
      <c r="E62" s="19">
        <f>'[1]年齢別人口市区町村(外国人)'!D74</f>
        <v>2531</v>
      </c>
      <c r="F62" s="19">
        <f>'[1]年齢別人口市区町村(総数)'!D74</f>
        <v>105706</v>
      </c>
      <c r="G62" s="19">
        <f>'[1]年齢別人口市区町村(日本人)'!E74</f>
        <v>3658</v>
      </c>
      <c r="H62" s="19">
        <f>'[1]年齢別人口市区町村(外国人)'!E74</f>
        <v>109</v>
      </c>
      <c r="I62" s="19">
        <f>'[1]年齢別人口市区町村(総数)'!E74</f>
        <v>3767</v>
      </c>
      <c r="J62" s="19">
        <f>'[1]年齢別人口市区町村(日本人)'!F74</f>
        <v>4671</v>
      </c>
      <c r="K62" s="19">
        <f>'[1]年齢別人口市区町村(外国人)'!F74</f>
        <v>97</v>
      </c>
      <c r="L62" s="19">
        <f>'[1]年齢別人口市区町村(総数)'!F74</f>
        <v>4768</v>
      </c>
      <c r="M62" s="19">
        <f>'[1]年齢別人口市区町村(日本人)'!G74</f>
        <v>5704</v>
      </c>
      <c r="N62" s="19">
        <f>'[1]年齢別人口市区町村(外国人)'!G74</f>
        <v>86</v>
      </c>
      <c r="O62" s="19">
        <f>'[1]年齢別人口市区町村(総数)'!G74</f>
        <v>5790</v>
      </c>
      <c r="P62" s="19">
        <f>'[1]年齢別人口市区町村(日本人)'!H74</f>
        <v>6113</v>
      </c>
      <c r="Q62" s="19">
        <f>'[1]年齢別人口市区町村(外国人)'!H74</f>
        <v>55</v>
      </c>
      <c r="R62" s="19">
        <f>'[1]年齢別人口市区町村(総数)'!H74</f>
        <v>6168</v>
      </c>
      <c r="S62" s="19">
        <f>'[1]年齢別人口市区町村(日本人)'!I74</f>
        <v>5880</v>
      </c>
      <c r="T62" s="19">
        <f>'[1]年齢別人口市区町村(外国人)'!I74</f>
        <v>222</v>
      </c>
      <c r="U62" s="19">
        <f>'[1]年齢別人口市区町村(総数)'!I74</f>
        <v>6102</v>
      </c>
      <c r="V62" s="19">
        <f>'[1]年齢別人口市区町村(日本人)'!J74</f>
        <v>5353</v>
      </c>
      <c r="W62" s="19">
        <f>'[1]年齢別人口市区町村(外国人)'!J74</f>
        <v>345</v>
      </c>
      <c r="X62" s="19">
        <f>'[1]年齢別人口市区町村(総数)'!J74</f>
        <v>5698</v>
      </c>
      <c r="Y62" s="19">
        <f>'[1]年齢別人口市区町村(日本人)'!K74</f>
        <v>5452</v>
      </c>
      <c r="Z62" s="19">
        <f>'[1]年齢別人口市区町村(外国人)'!K74</f>
        <v>405</v>
      </c>
      <c r="AA62" s="19">
        <f>'[1]年齢別人口市区町村(総数)'!K74</f>
        <v>5857</v>
      </c>
      <c r="AB62" s="19">
        <f>'[1]年齢別人口市区町村(日本人)'!L74</f>
        <v>5482</v>
      </c>
      <c r="AC62" s="19">
        <f>'[1]年齢別人口市区町村(外国人)'!L74</f>
        <v>332</v>
      </c>
      <c r="AD62" s="19">
        <f>'[1]年齢別人口市区町村(総数)'!L74</f>
        <v>5814</v>
      </c>
      <c r="AE62" s="19">
        <f>'[1]年齢別人口市区町村(日本人)'!M74</f>
        <v>6712</v>
      </c>
      <c r="AF62" s="19">
        <f>'[1]年齢別人口市区町村(外国人)'!M74</f>
        <v>250</v>
      </c>
      <c r="AG62" s="19">
        <f>'[1]年齢別人口市区町村(総数)'!M74</f>
        <v>6962</v>
      </c>
      <c r="AH62" s="19">
        <f>'[1]年齢別人口市区町村(日本人)'!N74</f>
        <v>7712</v>
      </c>
      <c r="AI62" s="19">
        <f>'[1]年齢別人口市区町村(外国人)'!N74</f>
        <v>196</v>
      </c>
      <c r="AJ62" s="19">
        <f>'[1]年齢別人口市区町村(総数)'!N74</f>
        <v>7908</v>
      </c>
      <c r="AK62" s="19">
        <f>'[1]年齢別人口市区町村(日本人)'!O74</f>
        <v>9414</v>
      </c>
      <c r="AL62" s="19">
        <f>'[1]年齢別人口市区町村(外国人)'!O74</f>
        <v>121</v>
      </c>
      <c r="AM62" s="19">
        <f>'[1]年齢別人口市区町村(総数)'!O74</f>
        <v>9535</v>
      </c>
      <c r="AN62" s="19">
        <f>'[1]年齢別人口市区町村(日本人)'!P74</f>
        <v>9744</v>
      </c>
      <c r="AO62" s="19">
        <f>'[1]年齢別人口市区町村(外国人)'!P74</f>
        <v>109</v>
      </c>
      <c r="AP62" s="19">
        <f>'[1]年齢別人口市区町村(総数)'!P74</f>
        <v>9853</v>
      </c>
      <c r="AQ62" s="19">
        <f>'[1]年齢別人口市区町村(日本人)'!Q74</f>
        <v>7968</v>
      </c>
      <c r="AR62" s="19">
        <f>'[1]年齢別人口市区町村(外国人)'!Q74</f>
        <v>99</v>
      </c>
      <c r="AS62" s="19">
        <f>'[1]年齢別人口市区町村(総数)'!Q74</f>
        <v>8067</v>
      </c>
      <c r="AT62" s="19">
        <f>'[1]年齢別人口市区町村(日本人)'!R74</f>
        <v>5334</v>
      </c>
      <c r="AU62" s="19">
        <f>'[1]年齢別人口市区町村(外国人)'!R74</f>
        <v>49</v>
      </c>
      <c r="AV62" s="19">
        <f>'[1]年齢別人口市区町村(総数)'!R74</f>
        <v>5383</v>
      </c>
      <c r="AW62" s="19">
        <f>'[1]年齢別人口市区町村(日本人)'!S74</f>
        <v>4157</v>
      </c>
      <c r="AX62" s="19">
        <f>'[1]年齢別人口市区町村(外国人)'!S74</f>
        <v>21</v>
      </c>
      <c r="AY62" s="19">
        <f>'[1]年齢別人口市区町村(総数)'!S74</f>
        <v>4178</v>
      </c>
      <c r="AZ62" s="19">
        <f>'[1]年齢別人口市区町村(日本人)'!T74</f>
        <v>4361</v>
      </c>
      <c r="BA62" s="19">
        <f>'[1]年齢別人口市区町村(外国人)'!T74</f>
        <v>19</v>
      </c>
      <c r="BB62" s="19">
        <f>'[1]年齢別人口市区町村(総数)'!T74</f>
        <v>4380</v>
      </c>
      <c r="BC62" s="19">
        <f>'[1]年齢別人口市区町村(日本人)'!U74</f>
        <v>2824</v>
      </c>
      <c r="BD62" s="19">
        <f>'[1]年齢別人口市区町村(外国人)'!U74</f>
        <v>8</v>
      </c>
      <c r="BE62" s="19">
        <f>'[1]年齢別人口市区町村(総数)'!U74</f>
        <v>2832</v>
      </c>
      <c r="BF62" s="19">
        <f>'[1]年齢別人口市区町村(日本人)'!V74</f>
        <v>1735</v>
      </c>
      <c r="BG62" s="19">
        <f>'[1]年齢別人口市区町村(外国人)'!V74</f>
        <v>6</v>
      </c>
      <c r="BH62" s="19">
        <f>'[1]年齢別人口市区町村(総数)'!V74</f>
        <v>1741</v>
      </c>
      <c r="BI62" s="19">
        <f>'[1]年齢別人口市区町村(日本人)'!W74</f>
        <v>756</v>
      </c>
      <c r="BJ62" s="19">
        <f>'[1]年齢別人口市区町村(外国人)'!W74</f>
        <v>1</v>
      </c>
      <c r="BK62" s="19">
        <f>'[1]年齢別人口市区町村(総数)'!W74</f>
        <v>757</v>
      </c>
      <c r="BL62" s="19">
        <f>'[1]年齢別人口市区町村(日本人)'!X74</f>
        <v>132</v>
      </c>
      <c r="BM62" s="19">
        <f>'[1]年齢別人口市区町村(外国人)'!X74</f>
        <v>1</v>
      </c>
      <c r="BN62" s="19">
        <f>'[1]年齢別人口市区町村(総数)'!X74</f>
        <v>133</v>
      </c>
      <c r="BO62" s="19">
        <f>'[1]年齢別人口市区町村(日本人)'!Y74</f>
        <v>13</v>
      </c>
      <c r="BP62" s="19">
        <f>'[1]年齢別人口市区町村(外国人)'!Y74</f>
        <v>0</v>
      </c>
      <c r="BQ62" s="60">
        <f>'[1]年齢別人口市区町村(総数)'!Y74</f>
        <v>13</v>
      </c>
    </row>
    <row r="63" spans="1:69" x14ac:dyDescent="0.15">
      <c r="A63" s="31" t="s">
        <v>51</v>
      </c>
      <c r="B63" s="21" t="s">
        <v>31</v>
      </c>
      <c r="C63" s="46"/>
      <c r="D63" s="22">
        <f>'[1]年齢別人口市区町村(日本人)'!D75</f>
        <v>106078</v>
      </c>
      <c r="E63" s="23">
        <f>'[1]年齢別人口市区町村(外国人)'!D75</f>
        <v>2248</v>
      </c>
      <c r="F63" s="24">
        <f>'[1]年齢別人口市区町村(総数)'!D75</f>
        <v>108326</v>
      </c>
      <c r="G63" s="23">
        <f>'[1]年齢別人口市区町村(日本人)'!E75</f>
        <v>3537</v>
      </c>
      <c r="H63" s="23">
        <f>'[1]年齢別人口市区町村(外国人)'!E75</f>
        <v>95</v>
      </c>
      <c r="I63" s="24">
        <f>'[1]年齢別人口市区町村(総数)'!E75</f>
        <v>3632</v>
      </c>
      <c r="J63" s="23">
        <f>'[1]年齢別人口市区町村(日本人)'!F75</f>
        <v>4509</v>
      </c>
      <c r="K63" s="23">
        <f>'[1]年齢別人口市区町村(外国人)'!F75</f>
        <v>92</v>
      </c>
      <c r="L63" s="24">
        <f>'[1]年齢別人口市区町村(総数)'!F75</f>
        <v>4601</v>
      </c>
      <c r="M63" s="23">
        <f>'[1]年齢別人口市区町村(日本人)'!G75</f>
        <v>5330</v>
      </c>
      <c r="N63" s="23">
        <f>'[1]年齢別人口市区町村(外国人)'!G75</f>
        <v>95</v>
      </c>
      <c r="O63" s="24">
        <f>'[1]年齢別人口市区町村(総数)'!G75</f>
        <v>5425</v>
      </c>
      <c r="P63" s="23">
        <f>'[1]年齢別人口市区町村(日本人)'!H75</f>
        <v>5663</v>
      </c>
      <c r="Q63" s="23">
        <f>'[1]年齢別人口市区町村(外国人)'!H75</f>
        <v>61</v>
      </c>
      <c r="R63" s="24">
        <f>'[1]年齢別人口市区町村(総数)'!H75</f>
        <v>5724</v>
      </c>
      <c r="S63" s="23">
        <f>'[1]年齢別人口市区町村(日本人)'!I75</f>
        <v>5844</v>
      </c>
      <c r="T63" s="23">
        <f>'[1]年齢別人口市区町村(外国人)'!I75</f>
        <v>137</v>
      </c>
      <c r="U63" s="24">
        <f>'[1]年齢別人口市区町村(総数)'!I75</f>
        <v>5981</v>
      </c>
      <c r="V63" s="23">
        <f>'[1]年齢別人口市区町村(日本人)'!J75</f>
        <v>5488</v>
      </c>
      <c r="W63" s="23">
        <f>'[1]年齢別人口市区町村(外国人)'!J75</f>
        <v>271</v>
      </c>
      <c r="X63" s="24">
        <f>'[1]年齢別人口市区町村(総数)'!J75</f>
        <v>5759</v>
      </c>
      <c r="Y63" s="23">
        <f>'[1]年齢別人口市区町村(日本人)'!K75</f>
        <v>5329</v>
      </c>
      <c r="Z63" s="23">
        <f>'[1]年齢別人口市区町村(外国人)'!K75</f>
        <v>297</v>
      </c>
      <c r="AA63" s="24">
        <f>'[1]年齢別人口市区町村(総数)'!K75</f>
        <v>5626</v>
      </c>
      <c r="AB63" s="23">
        <f>'[1]年齢別人口市区町村(日本人)'!L75</f>
        <v>5621</v>
      </c>
      <c r="AC63" s="23">
        <f>'[1]年齢別人口市区町村(外国人)'!L75</f>
        <v>260</v>
      </c>
      <c r="AD63" s="24">
        <f>'[1]年齢別人口市区町村(総数)'!L75</f>
        <v>5881</v>
      </c>
      <c r="AE63" s="23">
        <f>'[1]年齢別人口市区町村(日本人)'!M75</f>
        <v>6712</v>
      </c>
      <c r="AF63" s="23">
        <f>'[1]年齢別人口市区町村(外国人)'!M75</f>
        <v>226</v>
      </c>
      <c r="AG63" s="24">
        <f>'[1]年齢別人口市区町村(総数)'!M75</f>
        <v>6938</v>
      </c>
      <c r="AH63" s="23">
        <f>'[1]年齢別人口市区町村(日本人)'!N75</f>
        <v>7990</v>
      </c>
      <c r="AI63" s="23">
        <f>'[1]年齢別人口市区町村(外国人)'!N75</f>
        <v>200</v>
      </c>
      <c r="AJ63" s="24">
        <f>'[1]年齢別人口市区町村(総数)'!N75</f>
        <v>8190</v>
      </c>
      <c r="AK63" s="23">
        <f>'[1]年齢別人口市区町村(日本人)'!O75</f>
        <v>9902</v>
      </c>
      <c r="AL63" s="23">
        <f>'[1]年齢別人口市区町村(外国人)'!O75</f>
        <v>150</v>
      </c>
      <c r="AM63" s="24">
        <f>'[1]年齢別人口市区町村(総数)'!O75</f>
        <v>10052</v>
      </c>
      <c r="AN63" s="23">
        <f>'[1]年齢別人口市区町村(日本人)'!P75</f>
        <v>9504</v>
      </c>
      <c r="AO63" s="23">
        <f>'[1]年齢別人口市区町村(外国人)'!P75</f>
        <v>138</v>
      </c>
      <c r="AP63" s="24">
        <f>'[1]年齢別人口市区町村(総数)'!P75</f>
        <v>9642</v>
      </c>
      <c r="AQ63" s="23">
        <f>'[1]年齢別人口市区町村(日本人)'!Q75</f>
        <v>7375</v>
      </c>
      <c r="AR63" s="23">
        <f>'[1]年齢別人口市区町村(外国人)'!Q75</f>
        <v>90</v>
      </c>
      <c r="AS63" s="24">
        <f>'[1]年齢別人口市区町村(総数)'!Q75</f>
        <v>7465</v>
      </c>
      <c r="AT63" s="23">
        <f>'[1]年齢別人口市区町村(日本人)'!R75</f>
        <v>4916</v>
      </c>
      <c r="AU63" s="23">
        <f>'[1]年齢別人口市区町村(外国人)'!R75</f>
        <v>48</v>
      </c>
      <c r="AV63" s="24">
        <f>'[1]年齢別人口市区町村(総数)'!R75</f>
        <v>4964</v>
      </c>
      <c r="AW63" s="23">
        <f>'[1]年齢別人口市区町村(日本人)'!S75</f>
        <v>4380</v>
      </c>
      <c r="AX63" s="23">
        <f>'[1]年齢別人口市区町村(外国人)'!S75</f>
        <v>37</v>
      </c>
      <c r="AY63" s="24">
        <f>'[1]年齢別人口市区町村(総数)'!S75</f>
        <v>4417</v>
      </c>
      <c r="AZ63" s="23">
        <f>'[1]年齢別人口市区町村(日本人)'!T75</f>
        <v>4994</v>
      </c>
      <c r="BA63" s="23">
        <f>'[1]年齢別人口市区町村(外国人)'!T75</f>
        <v>21</v>
      </c>
      <c r="BB63" s="24">
        <f>'[1]年齢別人口市区町村(総数)'!T75</f>
        <v>5015</v>
      </c>
      <c r="BC63" s="23">
        <f>'[1]年齢別人口市区町村(日本人)'!U75</f>
        <v>3989</v>
      </c>
      <c r="BD63" s="23">
        <f>'[1]年齢別人口市区町村(外国人)'!U75</f>
        <v>13</v>
      </c>
      <c r="BE63" s="24">
        <f>'[1]年齢別人口市区町村(総数)'!U75</f>
        <v>4002</v>
      </c>
      <c r="BF63" s="23">
        <f>'[1]年齢別人口市区町村(日本人)'!V75</f>
        <v>2902</v>
      </c>
      <c r="BG63" s="23">
        <f>'[1]年齢別人口市区町村(外国人)'!V75</f>
        <v>9</v>
      </c>
      <c r="BH63" s="24">
        <f>'[1]年齢別人口市区町村(総数)'!V75</f>
        <v>2911</v>
      </c>
      <c r="BI63" s="23">
        <f>'[1]年齢別人口市区町村(日本人)'!W75</f>
        <v>1578</v>
      </c>
      <c r="BJ63" s="23">
        <f>'[1]年齢別人口市区町村(外国人)'!W75</f>
        <v>5</v>
      </c>
      <c r="BK63" s="24">
        <f>'[1]年齢別人口市区町村(総数)'!W75</f>
        <v>1583</v>
      </c>
      <c r="BL63" s="23">
        <f>'[1]年齢別人口市区町村(日本人)'!X75</f>
        <v>447</v>
      </c>
      <c r="BM63" s="23">
        <f>'[1]年齢別人口市区町村(外国人)'!X75</f>
        <v>3</v>
      </c>
      <c r="BN63" s="24">
        <f>'[1]年齢別人口市区町村(総数)'!X75</f>
        <v>450</v>
      </c>
      <c r="BO63" s="23">
        <f>'[1]年齢別人口市区町村(日本人)'!Y75</f>
        <v>68</v>
      </c>
      <c r="BP63" s="23">
        <f>'[1]年齢別人口市区町村(外国人)'!Y75</f>
        <v>0</v>
      </c>
      <c r="BQ63" s="61">
        <f>'[1]年齢別人口市区町村(総数)'!Y75</f>
        <v>68</v>
      </c>
    </row>
    <row r="64" spans="1:69" ht="15" thickBot="1" x14ac:dyDescent="0.2">
      <c r="A64" s="32"/>
      <c r="B64" s="25" t="s">
        <v>32</v>
      </c>
      <c r="C64" s="47"/>
      <c r="D64" s="26">
        <f>'[1]年齢別人口市区町村(日本人)'!D73</f>
        <v>209253</v>
      </c>
      <c r="E64" s="27">
        <f>'[1]年齢別人口市区町村(外国人)'!D73</f>
        <v>4779</v>
      </c>
      <c r="F64" s="28">
        <f>'[1]年齢別人口市区町村(総数)'!D73</f>
        <v>214032</v>
      </c>
      <c r="G64" s="27">
        <f>'[1]年齢別人口市区町村(日本人)'!E73</f>
        <v>7195</v>
      </c>
      <c r="H64" s="27">
        <f>'[1]年齢別人口市区町村(外国人)'!E73</f>
        <v>204</v>
      </c>
      <c r="I64" s="28">
        <f>'[1]年齢別人口市区町村(総数)'!E73</f>
        <v>7399</v>
      </c>
      <c r="J64" s="27">
        <f>'[1]年齢別人口市区町村(日本人)'!F73</f>
        <v>9180</v>
      </c>
      <c r="K64" s="27">
        <f>'[1]年齢別人口市区町村(外国人)'!F73</f>
        <v>189</v>
      </c>
      <c r="L64" s="28">
        <f>'[1]年齢別人口市区町村(総数)'!F73</f>
        <v>9369</v>
      </c>
      <c r="M64" s="27">
        <f>'[1]年齢別人口市区町村(日本人)'!G73</f>
        <v>11034</v>
      </c>
      <c r="N64" s="27">
        <f>'[1]年齢別人口市区町村(外国人)'!G73</f>
        <v>181</v>
      </c>
      <c r="O64" s="28">
        <f>'[1]年齢別人口市区町村(総数)'!G73</f>
        <v>11215</v>
      </c>
      <c r="P64" s="27">
        <f>'[1]年齢別人口市区町村(日本人)'!H73</f>
        <v>11776</v>
      </c>
      <c r="Q64" s="27">
        <f>'[1]年齢別人口市区町村(外国人)'!H73</f>
        <v>116</v>
      </c>
      <c r="R64" s="28">
        <f>'[1]年齢別人口市区町村(総数)'!H73</f>
        <v>11892</v>
      </c>
      <c r="S64" s="27">
        <f>'[1]年齢別人口市区町村(日本人)'!I73</f>
        <v>11724</v>
      </c>
      <c r="T64" s="27">
        <f>'[1]年齢別人口市区町村(外国人)'!I73</f>
        <v>359</v>
      </c>
      <c r="U64" s="28">
        <f>'[1]年齢別人口市区町村(総数)'!I73</f>
        <v>12083</v>
      </c>
      <c r="V64" s="27">
        <f>'[1]年齢別人口市区町村(日本人)'!J73</f>
        <v>10841</v>
      </c>
      <c r="W64" s="27">
        <f>'[1]年齢別人口市区町村(外国人)'!J73</f>
        <v>616</v>
      </c>
      <c r="X64" s="28">
        <f>'[1]年齢別人口市区町村(総数)'!J73</f>
        <v>11457</v>
      </c>
      <c r="Y64" s="27">
        <f>'[1]年齢別人口市区町村(日本人)'!K73</f>
        <v>10781</v>
      </c>
      <c r="Z64" s="27">
        <f>'[1]年齢別人口市区町村(外国人)'!K73</f>
        <v>702</v>
      </c>
      <c r="AA64" s="28">
        <f>'[1]年齢別人口市区町村(総数)'!K73</f>
        <v>11483</v>
      </c>
      <c r="AB64" s="27">
        <f>'[1]年齢別人口市区町村(日本人)'!L73</f>
        <v>11103</v>
      </c>
      <c r="AC64" s="27">
        <f>'[1]年齢別人口市区町村(外国人)'!L73</f>
        <v>592</v>
      </c>
      <c r="AD64" s="28">
        <f>'[1]年齢別人口市区町村(総数)'!L73</f>
        <v>11695</v>
      </c>
      <c r="AE64" s="27">
        <f>'[1]年齢別人口市区町村(日本人)'!M73</f>
        <v>13424</v>
      </c>
      <c r="AF64" s="27">
        <f>'[1]年齢別人口市区町村(外国人)'!M73</f>
        <v>476</v>
      </c>
      <c r="AG64" s="28">
        <f>'[1]年齢別人口市区町村(総数)'!M73</f>
        <v>13900</v>
      </c>
      <c r="AH64" s="27">
        <f>'[1]年齢別人口市区町村(日本人)'!N73</f>
        <v>15702</v>
      </c>
      <c r="AI64" s="27">
        <f>'[1]年齢別人口市区町村(外国人)'!N73</f>
        <v>396</v>
      </c>
      <c r="AJ64" s="28">
        <f>'[1]年齢別人口市区町村(総数)'!N73</f>
        <v>16098</v>
      </c>
      <c r="AK64" s="27">
        <f>'[1]年齢別人口市区町村(日本人)'!O73</f>
        <v>19316</v>
      </c>
      <c r="AL64" s="27">
        <f>'[1]年齢別人口市区町村(外国人)'!O73</f>
        <v>271</v>
      </c>
      <c r="AM64" s="28">
        <f>'[1]年齢別人口市区町村(総数)'!O73</f>
        <v>19587</v>
      </c>
      <c r="AN64" s="27">
        <f>'[1]年齢別人口市区町村(日本人)'!P73</f>
        <v>19248</v>
      </c>
      <c r="AO64" s="27">
        <f>'[1]年齢別人口市区町村(外国人)'!P73</f>
        <v>247</v>
      </c>
      <c r="AP64" s="28">
        <f>'[1]年齢別人口市区町村(総数)'!P73</f>
        <v>19495</v>
      </c>
      <c r="AQ64" s="27">
        <f>'[1]年齢別人口市区町村(日本人)'!Q73</f>
        <v>15343</v>
      </c>
      <c r="AR64" s="27">
        <f>'[1]年齢別人口市区町村(外国人)'!Q73</f>
        <v>189</v>
      </c>
      <c r="AS64" s="28">
        <f>'[1]年齢別人口市区町村(総数)'!Q73</f>
        <v>15532</v>
      </c>
      <c r="AT64" s="27">
        <f>'[1]年齢別人口市区町村(日本人)'!R73</f>
        <v>10250</v>
      </c>
      <c r="AU64" s="27">
        <f>'[1]年齢別人口市区町村(外国人)'!R73</f>
        <v>97</v>
      </c>
      <c r="AV64" s="28">
        <f>'[1]年齢別人口市区町村(総数)'!R73</f>
        <v>10347</v>
      </c>
      <c r="AW64" s="27">
        <f>'[1]年齢別人口市区町村(日本人)'!S73</f>
        <v>8537</v>
      </c>
      <c r="AX64" s="27">
        <f>'[1]年齢別人口市区町村(外国人)'!S73</f>
        <v>58</v>
      </c>
      <c r="AY64" s="28">
        <f>'[1]年齢別人口市区町村(総数)'!S73</f>
        <v>8595</v>
      </c>
      <c r="AZ64" s="27">
        <f>'[1]年齢別人口市区町村(日本人)'!T73</f>
        <v>9355</v>
      </c>
      <c r="BA64" s="27">
        <f>'[1]年齢別人口市区町村(外国人)'!T73</f>
        <v>40</v>
      </c>
      <c r="BB64" s="28">
        <f>'[1]年齢別人口市区町村(総数)'!T73</f>
        <v>9395</v>
      </c>
      <c r="BC64" s="27">
        <f>'[1]年齢別人口市区町村(日本人)'!U73</f>
        <v>6813</v>
      </c>
      <c r="BD64" s="27">
        <f>'[1]年齢別人口市区町村(外国人)'!U73</f>
        <v>21</v>
      </c>
      <c r="BE64" s="28">
        <f>'[1]年齢別人口市区町村(総数)'!U73</f>
        <v>6834</v>
      </c>
      <c r="BF64" s="27">
        <f>'[1]年齢別人口市区町村(日本人)'!V73</f>
        <v>4637</v>
      </c>
      <c r="BG64" s="27">
        <f>'[1]年齢別人口市区町村(外国人)'!V73</f>
        <v>15</v>
      </c>
      <c r="BH64" s="28">
        <f>'[1]年齢別人口市区町村(総数)'!V73</f>
        <v>4652</v>
      </c>
      <c r="BI64" s="27">
        <f>'[1]年齢別人口市区町村(日本人)'!W73</f>
        <v>2334</v>
      </c>
      <c r="BJ64" s="27">
        <f>'[1]年齢別人口市区町村(外国人)'!W73</f>
        <v>6</v>
      </c>
      <c r="BK64" s="28">
        <f>'[1]年齢別人口市区町村(総数)'!W73</f>
        <v>2340</v>
      </c>
      <c r="BL64" s="27">
        <f>'[1]年齢別人口市区町村(日本人)'!X73</f>
        <v>579</v>
      </c>
      <c r="BM64" s="27">
        <f>'[1]年齢別人口市区町村(外国人)'!X73</f>
        <v>4</v>
      </c>
      <c r="BN64" s="28">
        <f>'[1]年齢別人口市区町村(総数)'!X73</f>
        <v>583</v>
      </c>
      <c r="BO64" s="27">
        <f>'[1]年齢別人口市区町村(日本人)'!Y73</f>
        <v>81</v>
      </c>
      <c r="BP64" s="27">
        <f>'[1]年齢別人口市区町村(外国人)'!Y73</f>
        <v>0</v>
      </c>
      <c r="BQ64" s="62">
        <f>'[1]年齢別人口市区町村(総数)'!Y73</f>
        <v>81</v>
      </c>
    </row>
    <row r="65" spans="1:69" x14ac:dyDescent="0.15">
      <c r="A65" s="20"/>
      <c r="B65" s="17" t="s">
        <v>29</v>
      </c>
      <c r="C65" s="45">
        <v>141305</v>
      </c>
      <c r="D65" s="18">
        <f>'[1]年齢別人口市区町村(日本人)'!D78</f>
        <v>748143</v>
      </c>
      <c r="E65" s="19">
        <f>'[1]年齢別人口市区町村(外国人)'!D78</f>
        <v>31442</v>
      </c>
      <c r="F65" s="19">
        <f>'[1]年齢別人口市区町村(総数)'!D78</f>
        <v>779585</v>
      </c>
      <c r="G65" s="19">
        <f>'[1]年齢別人口市区町村(日本人)'!E78</f>
        <v>25495</v>
      </c>
      <c r="H65" s="19">
        <f>'[1]年齢別人口市区町村(外国人)'!E78</f>
        <v>1006</v>
      </c>
      <c r="I65" s="19">
        <f>'[1]年齢別人口市区町村(総数)'!E78</f>
        <v>26501</v>
      </c>
      <c r="J65" s="19">
        <f>'[1]年齢別人口市区町村(日本人)'!F78</f>
        <v>29174</v>
      </c>
      <c r="K65" s="19">
        <f>'[1]年齢別人口市区町村(外国人)'!F78</f>
        <v>1009</v>
      </c>
      <c r="L65" s="19">
        <f>'[1]年齢別人口市区町村(総数)'!F78</f>
        <v>30183</v>
      </c>
      <c r="M65" s="19">
        <f>'[1]年齢別人口市区町村(日本人)'!G78</f>
        <v>31798</v>
      </c>
      <c r="N65" s="19">
        <f>'[1]年齢別人口市区町村(外国人)'!G78</f>
        <v>872</v>
      </c>
      <c r="O65" s="19">
        <f>'[1]年齢別人口市区町村(総数)'!G78</f>
        <v>32670</v>
      </c>
      <c r="P65" s="19">
        <f>'[1]年齢別人口市区町村(日本人)'!H78</f>
        <v>32409</v>
      </c>
      <c r="Q65" s="19">
        <f>'[1]年齢別人口市区町村(外国人)'!H78</f>
        <v>940</v>
      </c>
      <c r="R65" s="19">
        <f>'[1]年齢別人口市区町村(総数)'!H78</f>
        <v>33349</v>
      </c>
      <c r="S65" s="19">
        <f>'[1]年齢別人口市区町村(日本人)'!I78</f>
        <v>42206</v>
      </c>
      <c r="T65" s="19">
        <f>'[1]年齢別人口市区町村(外国人)'!I78</f>
        <v>3855</v>
      </c>
      <c r="U65" s="19">
        <f>'[1]年齢別人口市区町村(総数)'!I78</f>
        <v>46061</v>
      </c>
      <c r="V65" s="19">
        <f>'[1]年齢別人口市区町村(日本人)'!J78</f>
        <v>58745</v>
      </c>
      <c r="W65" s="19">
        <f>'[1]年齢別人口市区町村(外国人)'!J78</f>
        <v>5780</v>
      </c>
      <c r="X65" s="19">
        <f>'[1]年齢別人口市区町村(総数)'!J78</f>
        <v>64525</v>
      </c>
      <c r="Y65" s="19">
        <f>'[1]年齢別人口市区町村(日本人)'!K78</f>
        <v>53455</v>
      </c>
      <c r="Z65" s="19">
        <f>'[1]年齢別人口市区町村(外国人)'!K78</f>
        <v>5361</v>
      </c>
      <c r="AA65" s="19">
        <f>'[1]年齢別人口市区町村(総数)'!K78</f>
        <v>58816</v>
      </c>
      <c r="AB65" s="19">
        <f>'[1]年齢別人口市区町村(日本人)'!L78</f>
        <v>49612</v>
      </c>
      <c r="AC65" s="19">
        <f>'[1]年齢別人口市区町村(外国人)'!L78</f>
        <v>3929</v>
      </c>
      <c r="AD65" s="19">
        <f>'[1]年齢別人口市区町村(総数)'!L78</f>
        <v>53541</v>
      </c>
      <c r="AE65" s="19">
        <f>'[1]年齢別人口市区町村(日本人)'!M78</f>
        <v>54065</v>
      </c>
      <c r="AF65" s="19">
        <f>'[1]年齢別人口市区町村(外国人)'!M78</f>
        <v>2619</v>
      </c>
      <c r="AG65" s="19">
        <f>'[1]年齢別人口市区町村(総数)'!M78</f>
        <v>56684</v>
      </c>
      <c r="AH65" s="19">
        <f>'[1]年齢別人口市区町村(日本人)'!N78</f>
        <v>57963</v>
      </c>
      <c r="AI65" s="19">
        <f>'[1]年齢別人口市区町村(外国人)'!N78</f>
        <v>1744</v>
      </c>
      <c r="AJ65" s="19">
        <f>'[1]年齢別人口市区町村(総数)'!N78</f>
        <v>59707</v>
      </c>
      <c r="AK65" s="19">
        <f>'[1]年齢別人口市区町村(日本人)'!O78</f>
        <v>65619</v>
      </c>
      <c r="AL65" s="19">
        <f>'[1]年齢別人口市区町村(外国人)'!O78</f>
        <v>1215</v>
      </c>
      <c r="AM65" s="19">
        <f>'[1]年齢別人口市区町村(総数)'!O78</f>
        <v>66834</v>
      </c>
      <c r="AN65" s="19">
        <f>'[1]年齢別人口市区町村(日本人)'!P78</f>
        <v>59680</v>
      </c>
      <c r="AO65" s="19">
        <f>'[1]年齢別人口市区町村(外国人)'!P78</f>
        <v>1023</v>
      </c>
      <c r="AP65" s="19">
        <f>'[1]年齢別人口市区町村(総数)'!P78</f>
        <v>60703</v>
      </c>
      <c r="AQ65" s="19">
        <f>'[1]年齢別人口市区町村(日本人)'!Q78</f>
        <v>48089</v>
      </c>
      <c r="AR65" s="19">
        <f>'[1]年齢別人口市区町村(外国人)'!Q78</f>
        <v>813</v>
      </c>
      <c r="AS65" s="19">
        <f>'[1]年齢別人口市区町村(総数)'!Q78</f>
        <v>48902</v>
      </c>
      <c r="AT65" s="19">
        <f>'[1]年齢別人口市区町村(日本人)'!R78</f>
        <v>35195</v>
      </c>
      <c r="AU65" s="19">
        <f>'[1]年齢別人口市区町村(外国人)'!R78</f>
        <v>479</v>
      </c>
      <c r="AV65" s="19">
        <f>'[1]年齢別人口市区町村(総数)'!R78</f>
        <v>35674</v>
      </c>
      <c r="AW65" s="19">
        <f>'[1]年齢別人口市区町村(日本人)'!S78</f>
        <v>31538</v>
      </c>
      <c r="AX65" s="19">
        <f>'[1]年齢別人口市区町村(外国人)'!S78</f>
        <v>382</v>
      </c>
      <c r="AY65" s="19">
        <f>'[1]年齢別人口市区町村(総数)'!S78</f>
        <v>31920</v>
      </c>
      <c r="AZ65" s="19">
        <f>'[1]年齢別人口市区町村(日本人)'!T78</f>
        <v>32986</v>
      </c>
      <c r="BA65" s="19">
        <f>'[1]年齢別人口市区町村(外国人)'!T78</f>
        <v>235</v>
      </c>
      <c r="BB65" s="19">
        <f>'[1]年齢別人口市区町村(総数)'!T78</f>
        <v>33221</v>
      </c>
      <c r="BC65" s="19">
        <f>'[1]年齢別人口市区町村(日本人)'!U78</f>
        <v>21413</v>
      </c>
      <c r="BD65" s="19">
        <f>'[1]年齢別人口市区町村(外国人)'!U78</f>
        <v>98</v>
      </c>
      <c r="BE65" s="19">
        <f>'[1]年齢別人口市区町村(総数)'!U78</f>
        <v>21511</v>
      </c>
      <c r="BF65" s="19">
        <f>'[1]年齢別人口市区町村(日本人)'!V78</f>
        <v>12391</v>
      </c>
      <c r="BG65" s="19">
        <f>'[1]年齢別人口市区町村(外国人)'!V78</f>
        <v>58</v>
      </c>
      <c r="BH65" s="19">
        <f>'[1]年齢別人口市区町村(総数)'!V78</f>
        <v>12449</v>
      </c>
      <c r="BI65" s="19">
        <f>'[1]年齢別人口市区町村(日本人)'!W78</f>
        <v>5131</v>
      </c>
      <c r="BJ65" s="19">
        <f>'[1]年齢別人口市区町村(外国人)'!W78</f>
        <v>21</v>
      </c>
      <c r="BK65" s="19">
        <f>'[1]年齢別人口市区町村(総数)'!W78</f>
        <v>5152</v>
      </c>
      <c r="BL65" s="19">
        <f>'[1]年齢別人口市区町村(日本人)'!X78</f>
        <v>1071</v>
      </c>
      <c r="BM65" s="19">
        <f>'[1]年齢別人口市区町村(外国人)'!X78</f>
        <v>2</v>
      </c>
      <c r="BN65" s="19">
        <f>'[1]年齢別人口市区町村(総数)'!X78</f>
        <v>1073</v>
      </c>
      <c r="BO65" s="19">
        <f>'[1]年齢別人口市区町村(日本人)'!Y78</f>
        <v>108</v>
      </c>
      <c r="BP65" s="19">
        <f>'[1]年齢別人口市区町村(外国人)'!Y78</f>
        <v>1</v>
      </c>
      <c r="BQ65" s="60">
        <f>'[1]年齢別人口市区町村(総数)'!Y78</f>
        <v>109</v>
      </c>
    </row>
    <row r="66" spans="1:69" x14ac:dyDescent="0.15">
      <c r="A66" s="20" t="s">
        <v>52</v>
      </c>
      <c r="B66" s="21" t="s">
        <v>31</v>
      </c>
      <c r="C66" s="46"/>
      <c r="D66" s="22">
        <f>'[1]年齢別人口市区町村(日本人)'!D79</f>
        <v>732794</v>
      </c>
      <c r="E66" s="23">
        <f>'[1]年齢別人口市区町村(外国人)'!D79</f>
        <v>30155</v>
      </c>
      <c r="F66" s="24">
        <f>'[1]年齢別人口市区町村(総数)'!D79</f>
        <v>762949</v>
      </c>
      <c r="G66" s="23">
        <f>'[1]年齢別人口市区町村(日本人)'!E79</f>
        <v>24109</v>
      </c>
      <c r="H66" s="23">
        <f>'[1]年齢別人口市区町村(外国人)'!E79</f>
        <v>972</v>
      </c>
      <c r="I66" s="24">
        <f>'[1]年齢別人口市区町村(総数)'!E79</f>
        <v>25081</v>
      </c>
      <c r="J66" s="23">
        <f>'[1]年齢別人口市区町村(日本人)'!F79</f>
        <v>27841</v>
      </c>
      <c r="K66" s="23">
        <f>'[1]年齢別人口市区町村(外国人)'!F79</f>
        <v>895</v>
      </c>
      <c r="L66" s="24">
        <f>'[1]年齢別人口市区町村(総数)'!F79</f>
        <v>28736</v>
      </c>
      <c r="M66" s="23">
        <f>'[1]年齢別人口市区町村(日本人)'!G79</f>
        <v>29989</v>
      </c>
      <c r="N66" s="23">
        <f>'[1]年齢別人口市区町村(外国人)'!G79</f>
        <v>810</v>
      </c>
      <c r="O66" s="24">
        <f>'[1]年齢別人口市区町村(総数)'!G79</f>
        <v>30799</v>
      </c>
      <c r="P66" s="23">
        <f>'[1]年齢別人口市区町村(日本人)'!H79</f>
        <v>30656</v>
      </c>
      <c r="Q66" s="23">
        <f>'[1]年齢別人口市区町村(外国人)'!H79</f>
        <v>853</v>
      </c>
      <c r="R66" s="24">
        <f>'[1]年齢別人口市区町村(総数)'!H79</f>
        <v>31509</v>
      </c>
      <c r="S66" s="23">
        <f>'[1]年齢別人口市区町村(日本人)'!I79</f>
        <v>40454</v>
      </c>
      <c r="T66" s="23">
        <f>'[1]年齢別人口市区町村(外国人)'!I79</f>
        <v>3017</v>
      </c>
      <c r="U66" s="24">
        <f>'[1]年齢別人口市区町村(総数)'!I79</f>
        <v>43471</v>
      </c>
      <c r="V66" s="23">
        <f>'[1]年齢別人口市区町村(日本人)'!J79</f>
        <v>54953</v>
      </c>
      <c r="W66" s="23">
        <f>'[1]年齢別人口市区町村(外国人)'!J79</f>
        <v>4774</v>
      </c>
      <c r="X66" s="24">
        <f>'[1]年齢別人口市区町村(総数)'!J79</f>
        <v>59727</v>
      </c>
      <c r="Y66" s="23">
        <f>'[1]年齢別人口市区町村(日本人)'!K79</f>
        <v>49061</v>
      </c>
      <c r="Z66" s="23">
        <f>'[1]年齢別人口市区町村(外国人)'!K79</f>
        <v>4261</v>
      </c>
      <c r="AA66" s="24">
        <f>'[1]年齢別人口市区町村(総数)'!K79</f>
        <v>53322</v>
      </c>
      <c r="AB66" s="23">
        <f>'[1]年齢別人口市区町村(日本人)'!L79</f>
        <v>45260</v>
      </c>
      <c r="AC66" s="23">
        <f>'[1]年齢別人口市区町村(外国人)'!L79</f>
        <v>3387</v>
      </c>
      <c r="AD66" s="24">
        <f>'[1]年齢別人口市区町村(総数)'!L79</f>
        <v>48647</v>
      </c>
      <c r="AE66" s="23">
        <f>'[1]年齢別人口市区町村(日本人)'!M79</f>
        <v>48781</v>
      </c>
      <c r="AF66" s="23">
        <f>'[1]年齢別人口市区町村(外国人)'!M79</f>
        <v>2542</v>
      </c>
      <c r="AG66" s="24">
        <f>'[1]年齢別人口市区町村(総数)'!M79</f>
        <v>51323</v>
      </c>
      <c r="AH66" s="23">
        <f>'[1]年齢別人口市区町村(日本人)'!N79</f>
        <v>53720</v>
      </c>
      <c r="AI66" s="23">
        <f>'[1]年齢別人口市区町村(外国人)'!N79</f>
        <v>1957</v>
      </c>
      <c r="AJ66" s="24">
        <f>'[1]年齢別人口市区町村(総数)'!N79</f>
        <v>55677</v>
      </c>
      <c r="AK66" s="23">
        <f>'[1]年齢別人口市区町村(日本人)'!O79</f>
        <v>60561</v>
      </c>
      <c r="AL66" s="23">
        <f>'[1]年齢別人口市区町村(外国人)'!O79</f>
        <v>1746</v>
      </c>
      <c r="AM66" s="24">
        <f>'[1]年齢別人口市区町村(総数)'!O79</f>
        <v>62307</v>
      </c>
      <c r="AN66" s="23">
        <f>'[1]年齢別人口市区町村(日本人)'!P79</f>
        <v>53060</v>
      </c>
      <c r="AO66" s="23">
        <f>'[1]年齢別人口市区町村(外国人)'!P79</f>
        <v>1634</v>
      </c>
      <c r="AP66" s="24">
        <f>'[1]年齢別人口市区町村(総数)'!P79</f>
        <v>54694</v>
      </c>
      <c r="AQ66" s="23">
        <f>'[1]年齢別人口市区町村(日本人)'!Q79</f>
        <v>42895</v>
      </c>
      <c r="AR66" s="23">
        <f>'[1]年齢別人口市区町村(外国人)'!Q79</f>
        <v>1295</v>
      </c>
      <c r="AS66" s="24">
        <f>'[1]年齢別人口市区町村(総数)'!Q79</f>
        <v>44190</v>
      </c>
      <c r="AT66" s="23">
        <f>'[1]年齢別人口市区町村(日本人)'!R79</f>
        <v>32935</v>
      </c>
      <c r="AU66" s="23">
        <f>'[1]年齢別人口市区町村(外国人)'!R79</f>
        <v>781</v>
      </c>
      <c r="AV66" s="24">
        <f>'[1]年齢別人口市区町村(総数)'!R79</f>
        <v>33716</v>
      </c>
      <c r="AW66" s="23">
        <f>'[1]年齢別人口市区町村(日本人)'!S79</f>
        <v>32823</v>
      </c>
      <c r="AX66" s="23">
        <f>'[1]年齢別人口市区町村(外国人)'!S79</f>
        <v>501</v>
      </c>
      <c r="AY66" s="24">
        <f>'[1]年齢別人口市区町村(総数)'!S79</f>
        <v>33324</v>
      </c>
      <c r="AZ66" s="23">
        <f>'[1]年齢別人口市区町村(日本人)'!T79</f>
        <v>38460</v>
      </c>
      <c r="BA66" s="23">
        <f>'[1]年齢別人口市区町村(外国人)'!T79</f>
        <v>301</v>
      </c>
      <c r="BB66" s="24">
        <f>'[1]年齢別人口市区町村(総数)'!T79</f>
        <v>38761</v>
      </c>
      <c r="BC66" s="23">
        <f>'[1]年齢別人口市区町村(日本人)'!U79</f>
        <v>29280</v>
      </c>
      <c r="BD66" s="23">
        <f>'[1]年齢別人口市区町村(外国人)'!U79</f>
        <v>219</v>
      </c>
      <c r="BE66" s="24">
        <f>'[1]年齢別人口市区町村(総数)'!U79</f>
        <v>29499</v>
      </c>
      <c r="BF66" s="23">
        <f>'[1]年齢別人口市区町村(日本人)'!V79</f>
        <v>21195</v>
      </c>
      <c r="BG66" s="23">
        <f>'[1]年齢別人口市区町村(外国人)'!V79</f>
        <v>138</v>
      </c>
      <c r="BH66" s="24">
        <f>'[1]年齢別人口市区町村(総数)'!V79</f>
        <v>21333</v>
      </c>
      <c r="BI66" s="23">
        <f>'[1]年齢別人口市区町村(日本人)'!W79</f>
        <v>12243</v>
      </c>
      <c r="BJ66" s="23">
        <f>'[1]年齢別人口市区町村(外国人)'!W79</f>
        <v>54</v>
      </c>
      <c r="BK66" s="24">
        <f>'[1]年齢別人口市区町村(総数)'!W79</f>
        <v>12297</v>
      </c>
      <c r="BL66" s="23">
        <f>'[1]年齢別人口市区町村(日本人)'!X79</f>
        <v>3872</v>
      </c>
      <c r="BM66" s="23">
        <f>'[1]年齢別人口市区町村(外国人)'!X79</f>
        <v>15</v>
      </c>
      <c r="BN66" s="24">
        <f>'[1]年齢別人口市区町村(総数)'!X79</f>
        <v>3887</v>
      </c>
      <c r="BO66" s="23">
        <f>'[1]年齢別人口市区町村(日本人)'!Y79</f>
        <v>646</v>
      </c>
      <c r="BP66" s="23">
        <f>'[1]年齢別人口市区町村(外国人)'!Y79</f>
        <v>3</v>
      </c>
      <c r="BQ66" s="61">
        <f>'[1]年齢別人口市区町村(総数)'!Y79</f>
        <v>649</v>
      </c>
    </row>
    <row r="67" spans="1:69" ht="15" thickBot="1" x14ac:dyDescent="0.2">
      <c r="A67" s="29"/>
      <c r="B67" s="25" t="s">
        <v>32</v>
      </c>
      <c r="C67" s="47"/>
      <c r="D67" s="26">
        <f>'[1]年齢別人口市区町村(日本人)'!D77</f>
        <v>1480937</v>
      </c>
      <c r="E67" s="27">
        <f>'[1]年齢別人口市区町村(外国人)'!D77</f>
        <v>61597</v>
      </c>
      <c r="F67" s="28">
        <f>'[1]年齢別人口市区町村(総数)'!D77</f>
        <v>1542534</v>
      </c>
      <c r="G67" s="27">
        <f>'[1]年齢別人口市区町村(日本人)'!E77</f>
        <v>49604</v>
      </c>
      <c r="H67" s="27">
        <f>'[1]年齢別人口市区町村(外国人)'!E77</f>
        <v>1978</v>
      </c>
      <c r="I67" s="28">
        <f>'[1]年齢別人口市区町村(総数)'!E77</f>
        <v>51582</v>
      </c>
      <c r="J67" s="27">
        <f>'[1]年齢別人口市区町村(日本人)'!F77</f>
        <v>57015</v>
      </c>
      <c r="K67" s="27">
        <f>'[1]年齢別人口市区町村(外国人)'!F77</f>
        <v>1904</v>
      </c>
      <c r="L67" s="28">
        <f>'[1]年齢別人口市区町村(総数)'!F77</f>
        <v>58919</v>
      </c>
      <c r="M67" s="27">
        <f>'[1]年齢別人口市区町村(日本人)'!G77</f>
        <v>61787</v>
      </c>
      <c r="N67" s="27">
        <f>'[1]年齢別人口市区町村(外国人)'!G77</f>
        <v>1682</v>
      </c>
      <c r="O67" s="28">
        <f>'[1]年齢別人口市区町村(総数)'!G77</f>
        <v>63469</v>
      </c>
      <c r="P67" s="27">
        <f>'[1]年齢別人口市区町村(日本人)'!H77</f>
        <v>63065</v>
      </c>
      <c r="Q67" s="27">
        <f>'[1]年齢別人口市区町村(外国人)'!H77</f>
        <v>1793</v>
      </c>
      <c r="R67" s="28">
        <f>'[1]年齢別人口市区町村(総数)'!H77</f>
        <v>64858</v>
      </c>
      <c r="S67" s="27">
        <f>'[1]年齢別人口市区町村(日本人)'!I77</f>
        <v>82660</v>
      </c>
      <c r="T67" s="27">
        <f>'[1]年齢別人口市区町村(外国人)'!I77</f>
        <v>6872</v>
      </c>
      <c r="U67" s="28">
        <f>'[1]年齢別人口市区町村(総数)'!I77</f>
        <v>89532</v>
      </c>
      <c r="V67" s="27">
        <f>'[1]年齢別人口市区町村(日本人)'!J77</f>
        <v>113698</v>
      </c>
      <c r="W67" s="27">
        <f>'[1]年齢別人口市区町村(外国人)'!J77</f>
        <v>10554</v>
      </c>
      <c r="X67" s="28">
        <f>'[1]年齢別人口市区町村(総数)'!J77</f>
        <v>124252</v>
      </c>
      <c r="Y67" s="27">
        <f>'[1]年齢別人口市区町村(日本人)'!K77</f>
        <v>102516</v>
      </c>
      <c r="Z67" s="27">
        <f>'[1]年齢別人口市区町村(外国人)'!K77</f>
        <v>9622</v>
      </c>
      <c r="AA67" s="28">
        <f>'[1]年齢別人口市区町村(総数)'!K77</f>
        <v>112138</v>
      </c>
      <c r="AB67" s="27">
        <f>'[1]年齢別人口市区町村(日本人)'!L77</f>
        <v>94872</v>
      </c>
      <c r="AC67" s="27">
        <f>'[1]年齢別人口市区町村(外国人)'!L77</f>
        <v>7316</v>
      </c>
      <c r="AD67" s="28">
        <f>'[1]年齢別人口市区町村(総数)'!L77</f>
        <v>102188</v>
      </c>
      <c r="AE67" s="27">
        <f>'[1]年齢別人口市区町村(日本人)'!M77</f>
        <v>102846</v>
      </c>
      <c r="AF67" s="27">
        <f>'[1]年齢別人口市区町村(外国人)'!M77</f>
        <v>5161</v>
      </c>
      <c r="AG67" s="28">
        <f>'[1]年齢別人口市区町村(総数)'!M77</f>
        <v>108007</v>
      </c>
      <c r="AH67" s="27">
        <f>'[1]年齢別人口市区町村(日本人)'!N77</f>
        <v>111683</v>
      </c>
      <c r="AI67" s="27">
        <f>'[1]年齢別人口市区町村(外国人)'!N77</f>
        <v>3701</v>
      </c>
      <c r="AJ67" s="28">
        <f>'[1]年齢別人口市区町村(総数)'!N77</f>
        <v>115384</v>
      </c>
      <c r="AK67" s="27">
        <f>'[1]年齢別人口市区町村(日本人)'!O77</f>
        <v>126180</v>
      </c>
      <c r="AL67" s="27">
        <f>'[1]年齢別人口市区町村(外国人)'!O77</f>
        <v>2961</v>
      </c>
      <c r="AM67" s="28">
        <f>'[1]年齢別人口市区町村(総数)'!O77</f>
        <v>129141</v>
      </c>
      <c r="AN67" s="27">
        <f>'[1]年齢別人口市区町村(日本人)'!P77</f>
        <v>112740</v>
      </c>
      <c r="AO67" s="27">
        <f>'[1]年齢別人口市区町村(外国人)'!P77</f>
        <v>2657</v>
      </c>
      <c r="AP67" s="28">
        <f>'[1]年齢別人口市区町村(総数)'!P77</f>
        <v>115397</v>
      </c>
      <c r="AQ67" s="27">
        <f>'[1]年齢別人口市区町村(日本人)'!Q77</f>
        <v>90984</v>
      </c>
      <c r="AR67" s="27">
        <f>'[1]年齢別人口市区町村(外国人)'!Q77</f>
        <v>2108</v>
      </c>
      <c r="AS67" s="28">
        <f>'[1]年齢別人口市区町村(総数)'!Q77</f>
        <v>93092</v>
      </c>
      <c r="AT67" s="27">
        <f>'[1]年齢別人口市区町村(日本人)'!R77</f>
        <v>68130</v>
      </c>
      <c r="AU67" s="27">
        <f>'[1]年齢別人口市区町村(外国人)'!R77</f>
        <v>1260</v>
      </c>
      <c r="AV67" s="28">
        <f>'[1]年齢別人口市区町村(総数)'!R77</f>
        <v>69390</v>
      </c>
      <c r="AW67" s="27">
        <f>'[1]年齢別人口市区町村(日本人)'!S77</f>
        <v>64361</v>
      </c>
      <c r="AX67" s="27">
        <f>'[1]年齢別人口市区町村(外国人)'!S77</f>
        <v>883</v>
      </c>
      <c r="AY67" s="28">
        <f>'[1]年齢別人口市区町村(総数)'!S77</f>
        <v>65244</v>
      </c>
      <c r="AZ67" s="27">
        <f>'[1]年齢別人口市区町村(日本人)'!T77</f>
        <v>71446</v>
      </c>
      <c r="BA67" s="27">
        <f>'[1]年齢別人口市区町村(外国人)'!T77</f>
        <v>536</v>
      </c>
      <c r="BB67" s="28">
        <f>'[1]年齢別人口市区町村(総数)'!T77</f>
        <v>71982</v>
      </c>
      <c r="BC67" s="27">
        <f>'[1]年齢別人口市区町村(日本人)'!U77</f>
        <v>50693</v>
      </c>
      <c r="BD67" s="27">
        <f>'[1]年齢別人口市区町村(外国人)'!U77</f>
        <v>317</v>
      </c>
      <c r="BE67" s="28">
        <f>'[1]年齢別人口市区町村(総数)'!U77</f>
        <v>51010</v>
      </c>
      <c r="BF67" s="27">
        <f>'[1]年齢別人口市区町村(日本人)'!V77</f>
        <v>33586</v>
      </c>
      <c r="BG67" s="27">
        <f>'[1]年齢別人口市区町村(外国人)'!V77</f>
        <v>196</v>
      </c>
      <c r="BH67" s="28">
        <f>'[1]年齢別人口市区町村(総数)'!V77</f>
        <v>33782</v>
      </c>
      <c r="BI67" s="27">
        <f>'[1]年齢別人口市区町村(日本人)'!W77</f>
        <v>17374</v>
      </c>
      <c r="BJ67" s="27">
        <f>'[1]年齢別人口市区町村(外国人)'!W77</f>
        <v>75</v>
      </c>
      <c r="BK67" s="28">
        <f>'[1]年齢別人口市区町村(総数)'!W77</f>
        <v>17449</v>
      </c>
      <c r="BL67" s="27">
        <f>'[1]年齢別人口市区町村(日本人)'!X77</f>
        <v>4943</v>
      </c>
      <c r="BM67" s="27">
        <f>'[1]年齢別人口市区町村(外国人)'!X77</f>
        <v>17</v>
      </c>
      <c r="BN67" s="28">
        <f>'[1]年齢別人口市区町村(総数)'!X77</f>
        <v>4960</v>
      </c>
      <c r="BO67" s="27">
        <f>'[1]年齢別人口市区町村(日本人)'!Y77</f>
        <v>754</v>
      </c>
      <c r="BP67" s="27">
        <f>'[1]年齢別人口市区町村(外国人)'!Y77</f>
        <v>4</v>
      </c>
      <c r="BQ67" s="62">
        <f>'[1]年齢別人口市区町村(総数)'!Y77</f>
        <v>758</v>
      </c>
    </row>
    <row r="68" spans="1:69" x14ac:dyDescent="0.15">
      <c r="A68" s="31"/>
      <c r="B68" s="17" t="s">
        <v>29</v>
      </c>
      <c r="C68" s="45">
        <v>141313</v>
      </c>
      <c r="D68" s="18">
        <f>'[1]年齢別人口市区町村(日本人)'!D82</f>
        <v>116227</v>
      </c>
      <c r="E68" s="19">
        <f>'[1]年齢別人口市区町村(外国人)'!D82</f>
        <v>11145</v>
      </c>
      <c r="F68" s="19">
        <f>'[1]年齢別人口市区町村(総数)'!D82</f>
        <v>127372</v>
      </c>
      <c r="G68" s="19">
        <f>'[1]年齢別人口市区町村(日本人)'!E82</f>
        <v>2883</v>
      </c>
      <c r="H68" s="19">
        <f>'[1]年齢別人口市区町村(外国人)'!E82</f>
        <v>386</v>
      </c>
      <c r="I68" s="19">
        <f>'[1]年齢別人口市区町村(総数)'!E82</f>
        <v>3269</v>
      </c>
      <c r="J68" s="19">
        <f>'[1]年齢別人口市区町村(日本人)'!F82</f>
        <v>3482</v>
      </c>
      <c r="K68" s="19">
        <f>'[1]年齢別人口市区町村(外国人)'!F82</f>
        <v>441</v>
      </c>
      <c r="L68" s="19">
        <f>'[1]年齢別人口市区町村(総数)'!F82</f>
        <v>3923</v>
      </c>
      <c r="M68" s="19">
        <f>'[1]年齢別人口市区町村(日本人)'!G82</f>
        <v>4056</v>
      </c>
      <c r="N68" s="19">
        <f>'[1]年齢別人口市区町村(外国人)'!G82</f>
        <v>388</v>
      </c>
      <c r="O68" s="19">
        <f>'[1]年齢別人口市区町村(総数)'!G82</f>
        <v>4444</v>
      </c>
      <c r="P68" s="19">
        <f>'[1]年齢別人口市区町村(日本人)'!H82</f>
        <v>4366</v>
      </c>
      <c r="Q68" s="19">
        <f>'[1]年齢別人口市区町村(外国人)'!H82</f>
        <v>370</v>
      </c>
      <c r="R68" s="19">
        <f>'[1]年齢別人口市区町村(総数)'!H82</f>
        <v>4736</v>
      </c>
      <c r="S68" s="19">
        <f>'[1]年齢別人口市区町村(日本人)'!I82</f>
        <v>6646</v>
      </c>
      <c r="T68" s="19">
        <f>'[1]年齢別人口市区町村(外国人)'!I82</f>
        <v>1287</v>
      </c>
      <c r="U68" s="19">
        <f>'[1]年齢別人口市区町村(総数)'!I82</f>
        <v>7933</v>
      </c>
      <c r="V68" s="19">
        <f>'[1]年齢別人口市区町村(日本人)'!J82</f>
        <v>9525</v>
      </c>
      <c r="W68" s="19">
        <f>'[1]年齢別人口市区町村(外国人)'!J82</f>
        <v>1924</v>
      </c>
      <c r="X68" s="19">
        <f>'[1]年齢別人口市区町村(総数)'!J82</f>
        <v>11449</v>
      </c>
      <c r="Y68" s="19">
        <f>'[1]年齢別人口市区町村(日本人)'!K82</f>
        <v>8612</v>
      </c>
      <c r="Z68" s="19">
        <f>'[1]年齢別人口市区町村(外国人)'!K82</f>
        <v>1759</v>
      </c>
      <c r="AA68" s="19">
        <f>'[1]年齢別人口市区町村(総数)'!K82</f>
        <v>10371</v>
      </c>
      <c r="AB68" s="19">
        <f>'[1]年齢別人口市区町村(日本人)'!L82</f>
        <v>7781</v>
      </c>
      <c r="AC68" s="19">
        <f>'[1]年齢別人口市区町村(外国人)'!L82</f>
        <v>1424</v>
      </c>
      <c r="AD68" s="19">
        <f>'[1]年齢別人口市区町村(総数)'!L82</f>
        <v>9205</v>
      </c>
      <c r="AE68" s="19">
        <f>'[1]年齢別人口市区町村(日本人)'!M82</f>
        <v>8380</v>
      </c>
      <c r="AF68" s="19">
        <f>'[1]年齢別人口市区町村(外国人)'!M82</f>
        <v>925</v>
      </c>
      <c r="AG68" s="19">
        <f>'[1]年齢別人口市区町村(総数)'!M82</f>
        <v>9305</v>
      </c>
      <c r="AH68" s="19">
        <f>'[1]年齢別人口市区町村(日本人)'!N82</f>
        <v>9047</v>
      </c>
      <c r="AI68" s="19">
        <f>'[1]年齢別人口市区町村(外国人)'!N82</f>
        <v>604</v>
      </c>
      <c r="AJ68" s="19">
        <f>'[1]年齢別人口市区町村(総数)'!N82</f>
        <v>9651</v>
      </c>
      <c r="AK68" s="19">
        <f>'[1]年齢別人口市区町村(日本人)'!O82</f>
        <v>10876</v>
      </c>
      <c r="AL68" s="19">
        <f>'[1]年齢別人口市区町村(外国人)'!O82</f>
        <v>425</v>
      </c>
      <c r="AM68" s="19">
        <f>'[1]年齢別人口市区町村(総数)'!O82</f>
        <v>11301</v>
      </c>
      <c r="AN68" s="19">
        <f>'[1]年齢別人口市区町村(日本人)'!P82</f>
        <v>9208</v>
      </c>
      <c r="AO68" s="19">
        <f>'[1]年齢別人口市区町村(外国人)'!P82</f>
        <v>383</v>
      </c>
      <c r="AP68" s="19">
        <f>'[1]年齢別人口市区町村(総数)'!P82</f>
        <v>9591</v>
      </c>
      <c r="AQ68" s="19">
        <f>'[1]年齢別人口市区町村(日本人)'!Q82</f>
        <v>7445</v>
      </c>
      <c r="AR68" s="19">
        <f>'[1]年齢別人口市区町村(外国人)'!Q82</f>
        <v>304</v>
      </c>
      <c r="AS68" s="19">
        <f>'[1]年齢別人口市区町村(総数)'!Q82</f>
        <v>7749</v>
      </c>
      <c r="AT68" s="19">
        <f>'[1]年齢別人口市区町村(日本人)'!R82</f>
        <v>5893</v>
      </c>
      <c r="AU68" s="19">
        <f>'[1]年齢別人口市区町村(外国人)'!R82</f>
        <v>192</v>
      </c>
      <c r="AV68" s="19">
        <f>'[1]年齢別人口市区町村(総数)'!R82</f>
        <v>6085</v>
      </c>
      <c r="AW68" s="19">
        <f>'[1]年齢別人口市区町村(日本人)'!S82</f>
        <v>5917</v>
      </c>
      <c r="AX68" s="19">
        <f>'[1]年齢別人口市区町村(外国人)'!S82</f>
        <v>170</v>
      </c>
      <c r="AY68" s="19">
        <f>'[1]年齢別人口市区町村(総数)'!S82</f>
        <v>6087</v>
      </c>
      <c r="AZ68" s="19">
        <f>'[1]年齢別人口市区町村(日本人)'!T82</f>
        <v>5747</v>
      </c>
      <c r="BA68" s="19">
        <f>'[1]年齢別人口市区町村(外国人)'!T82</f>
        <v>96</v>
      </c>
      <c r="BB68" s="19">
        <f>'[1]年齢別人口市区町村(総数)'!T82</f>
        <v>5843</v>
      </c>
      <c r="BC68" s="19">
        <f>'[1]年齢別人口市区町村(日本人)'!U82</f>
        <v>3575</v>
      </c>
      <c r="BD68" s="19">
        <f>'[1]年齢別人口市区町村(外国人)'!U82</f>
        <v>40</v>
      </c>
      <c r="BE68" s="19">
        <f>'[1]年齢別人口市区町村(総数)'!U82</f>
        <v>3615</v>
      </c>
      <c r="BF68" s="19">
        <f>'[1]年齢別人口市区町村(日本人)'!V82</f>
        <v>1857</v>
      </c>
      <c r="BG68" s="19">
        <f>'[1]年齢別人口市区町村(外国人)'!V82</f>
        <v>20</v>
      </c>
      <c r="BH68" s="19">
        <f>'[1]年齢別人口市区町村(総数)'!V82</f>
        <v>1877</v>
      </c>
      <c r="BI68" s="19">
        <f>'[1]年齢別人口市区町村(日本人)'!W82</f>
        <v>774</v>
      </c>
      <c r="BJ68" s="19">
        <f>'[1]年齢別人口市区町村(外国人)'!W82</f>
        <v>7</v>
      </c>
      <c r="BK68" s="19">
        <f>'[1]年齢別人口市区町村(総数)'!W82</f>
        <v>781</v>
      </c>
      <c r="BL68" s="19">
        <f>'[1]年齢別人口市区町村(日本人)'!X82</f>
        <v>146</v>
      </c>
      <c r="BM68" s="19">
        <f>'[1]年齢別人口市区町村(外国人)'!X82</f>
        <v>0</v>
      </c>
      <c r="BN68" s="19">
        <f>'[1]年齢別人口市区町村(総数)'!X82</f>
        <v>146</v>
      </c>
      <c r="BO68" s="19">
        <f>'[1]年齢別人口市区町村(日本人)'!Y82</f>
        <v>11</v>
      </c>
      <c r="BP68" s="19">
        <f>'[1]年齢別人口市区町村(外国人)'!Y82</f>
        <v>0</v>
      </c>
      <c r="BQ68" s="60">
        <f>'[1]年齢別人口市区町村(総数)'!Y82</f>
        <v>11</v>
      </c>
    </row>
    <row r="69" spans="1:69" x14ac:dyDescent="0.15">
      <c r="A69" s="31" t="s">
        <v>53</v>
      </c>
      <c r="B69" s="21" t="s">
        <v>31</v>
      </c>
      <c r="C69" s="46"/>
      <c r="D69" s="22">
        <f>'[1]年齢別人口市区町村(日本人)'!D83</f>
        <v>97203</v>
      </c>
      <c r="E69" s="23">
        <f>'[1]年齢別人口市区町村(外国人)'!D83</f>
        <v>10534</v>
      </c>
      <c r="F69" s="24">
        <f>'[1]年齢別人口市区町村(総数)'!D83</f>
        <v>107737</v>
      </c>
      <c r="G69" s="23">
        <f>'[1]年齢別人口市区町村(日本人)'!E83</f>
        <v>2680</v>
      </c>
      <c r="H69" s="23">
        <f>'[1]年齢別人口市区町村(外国人)'!E83</f>
        <v>386</v>
      </c>
      <c r="I69" s="24">
        <f>'[1]年齢別人口市区町村(総数)'!E83</f>
        <v>3066</v>
      </c>
      <c r="J69" s="23">
        <f>'[1]年齢別人口市区町村(日本人)'!F83</f>
        <v>3186</v>
      </c>
      <c r="K69" s="23">
        <f>'[1]年齢別人口市区町村(外国人)'!F83</f>
        <v>388</v>
      </c>
      <c r="L69" s="24">
        <f>'[1]年齢別人口市区町村(総数)'!F83</f>
        <v>3574</v>
      </c>
      <c r="M69" s="23">
        <f>'[1]年齢別人口市区町村(日本人)'!G83</f>
        <v>3745</v>
      </c>
      <c r="N69" s="23">
        <f>'[1]年齢別人口市区町村(外国人)'!G83</f>
        <v>368</v>
      </c>
      <c r="O69" s="24">
        <f>'[1]年齢別人口市区町村(総数)'!G83</f>
        <v>4113</v>
      </c>
      <c r="P69" s="23">
        <f>'[1]年齢別人口市区町村(日本人)'!H83</f>
        <v>4145</v>
      </c>
      <c r="Q69" s="23">
        <f>'[1]年齢別人口市区町村(外国人)'!H83</f>
        <v>281</v>
      </c>
      <c r="R69" s="24">
        <f>'[1]年齢別人口市区町村(総数)'!H83</f>
        <v>4426</v>
      </c>
      <c r="S69" s="23">
        <f>'[1]年齢別人口市区町村(日本人)'!I83</f>
        <v>5578</v>
      </c>
      <c r="T69" s="23">
        <f>'[1]年齢別人口市区町村(外国人)'!I83</f>
        <v>875</v>
      </c>
      <c r="U69" s="24">
        <f>'[1]年齢別人口市区町村(総数)'!I83</f>
        <v>6453</v>
      </c>
      <c r="V69" s="23">
        <f>'[1]年齢別人口市区町村(日本人)'!J83</f>
        <v>6990</v>
      </c>
      <c r="W69" s="23">
        <f>'[1]年齢別人口市区町村(外国人)'!J83</f>
        <v>1469</v>
      </c>
      <c r="X69" s="24">
        <f>'[1]年齢別人口市区町村(総数)'!J83</f>
        <v>8459</v>
      </c>
      <c r="Y69" s="23">
        <f>'[1]年齢別人口市区町村(日本人)'!K83</f>
        <v>5954</v>
      </c>
      <c r="Z69" s="23">
        <f>'[1]年齢別人口市区町村(外国人)'!K83</f>
        <v>1268</v>
      </c>
      <c r="AA69" s="24">
        <f>'[1]年齢別人口市区町村(総数)'!K83</f>
        <v>7222</v>
      </c>
      <c r="AB69" s="23">
        <f>'[1]年齢別人口市区町村(日本人)'!L83</f>
        <v>5557</v>
      </c>
      <c r="AC69" s="23">
        <f>'[1]年齢別人口市区町村(外国人)'!L83</f>
        <v>1175</v>
      </c>
      <c r="AD69" s="24">
        <f>'[1]年齢別人口市区町村(総数)'!L83</f>
        <v>6732</v>
      </c>
      <c r="AE69" s="23">
        <f>'[1]年齢別人口市区町村(日本人)'!M83</f>
        <v>6185</v>
      </c>
      <c r="AF69" s="23">
        <f>'[1]年齢別人口市区町村(外国人)'!M83</f>
        <v>932</v>
      </c>
      <c r="AG69" s="24">
        <f>'[1]年齢別人口市区町村(総数)'!M83</f>
        <v>7117</v>
      </c>
      <c r="AH69" s="23">
        <f>'[1]年齢別人口市区町村(日本人)'!N83</f>
        <v>6855</v>
      </c>
      <c r="AI69" s="23">
        <f>'[1]年齢別人口市区町村(外国人)'!N83</f>
        <v>699</v>
      </c>
      <c r="AJ69" s="24">
        <f>'[1]年齢別人口市区町村(総数)'!N83</f>
        <v>7554</v>
      </c>
      <c r="AK69" s="23">
        <f>'[1]年齢別人口市区町村(日本人)'!O83</f>
        <v>7959</v>
      </c>
      <c r="AL69" s="23">
        <f>'[1]年齢別人口市区町村(外国人)'!O83</f>
        <v>630</v>
      </c>
      <c r="AM69" s="24">
        <f>'[1]年齢別人口市区町村(総数)'!O83</f>
        <v>8589</v>
      </c>
      <c r="AN69" s="23">
        <f>'[1]年齢別人口市区町村(日本人)'!P83</f>
        <v>6702</v>
      </c>
      <c r="AO69" s="23">
        <f>'[1]年齢別人口市区町村(外国人)'!P83</f>
        <v>660</v>
      </c>
      <c r="AP69" s="24">
        <f>'[1]年齢別人口市区町村(総数)'!P83</f>
        <v>7362</v>
      </c>
      <c r="AQ69" s="23">
        <f>'[1]年齢別人口市区町村(日本人)'!Q83</f>
        <v>5646</v>
      </c>
      <c r="AR69" s="23">
        <f>'[1]年齢別人口市区町村(外国人)'!Q83</f>
        <v>516</v>
      </c>
      <c r="AS69" s="24">
        <f>'[1]年齢別人口市区町村(総数)'!Q83</f>
        <v>6162</v>
      </c>
      <c r="AT69" s="23">
        <f>'[1]年齢別人口市区町村(日本人)'!R83</f>
        <v>4769</v>
      </c>
      <c r="AU69" s="23">
        <f>'[1]年齢別人口市区町村(外国人)'!R83</f>
        <v>314</v>
      </c>
      <c r="AV69" s="24">
        <f>'[1]年齢別人口市区町村(総数)'!R83</f>
        <v>5083</v>
      </c>
      <c r="AW69" s="23">
        <f>'[1]年齢別人口市区町村(日本人)'!S83</f>
        <v>5032</v>
      </c>
      <c r="AX69" s="23">
        <f>'[1]年齢別人口市区町村(外国人)'!S83</f>
        <v>221</v>
      </c>
      <c r="AY69" s="24">
        <f>'[1]年齢別人口市区町村(総数)'!S83</f>
        <v>5253</v>
      </c>
      <c r="AZ69" s="23">
        <f>'[1]年齢別人口市区町村(日本人)'!T83</f>
        <v>5876</v>
      </c>
      <c r="BA69" s="23">
        <f>'[1]年齢別人口市区町村(外国人)'!T83</f>
        <v>127</v>
      </c>
      <c r="BB69" s="24">
        <f>'[1]年齢別人口市区町村(総数)'!T83</f>
        <v>6003</v>
      </c>
      <c r="BC69" s="23">
        <f>'[1]年齢別人口市区町村(日本人)'!U83</f>
        <v>4339</v>
      </c>
      <c r="BD69" s="23">
        <f>'[1]年齢別人口市区町村(外国人)'!U83</f>
        <v>114</v>
      </c>
      <c r="BE69" s="24">
        <f>'[1]年齢別人口市区町村(総数)'!U83</f>
        <v>4453</v>
      </c>
      <c r="BF69" s="23">
        <f>'[1]年齢別人口市区町村(日本人)'!V83</f>
        <v>3353</v>
      </c>
      <c r="BG69" s="23">
        <f>'[1]年齢別人口市区町村(外国人)'!V83</f>
        <v>76</v>
      </c>
      <c r="BH69" s="24">
        <f>'[1]年齢別人口市区町村(総数)'!V83</f>
        <v>3429</v>
      </c>
      <c r="BI69" s="23">
        <f>'[1]年齢別人口市区町村(日本人)'!W83</f>
        <v>1929</v>
      </c>
      <c r="BJ69" s="23">
        <f>'[1]年齢別人口市区町村(外国人)'!W83</f>
        <v>29</v>
      </c>
      <c r="BK69" s="24">
        <f>'[1]年齢別人口市区町村(総数)'!W83</f>
        <v>1958</v>
      </c>
      <c r="BL69" s="23">
        <f>'[1]年齢別人口市区町村(日本人)'!X83</f>
        <v>616</v>
      </c>
      <c r="BM69" s="23">
        <f>'[1]年齢別人口市区町村(外国人)'!X83</f>
        <v>4</v>
      </c>
      <c r="BN69" s="24">
        <f>'[1]年齢別人口市区町村(総数)'!X83</f>
        <v>620</v>
      </c>
      <c r="BO69" s="23">
        <f>'[1]年齢別人口市区町村(日本人)'!Y83</f>
        <v>107</v>
      </c>
      <c r="BP69" s="23">
        <f>'[1]年齢別人口市区町村(外国人)'!Y83</f>
        <v>2</v>
      </c>
      <c r="BQ69" s="61">
        <f>'[1]年齢別人口市区町村(総数)'!Y83</f>
        <v>109</v>
      </c>
    </row>
    <row r="70" spans="1:69" ht="15" thickBot="1" x14ac:dyDescent="0.2">
      <c r="A70" s="32"/>
      <c r="B70" s="25" t="s">
        <v>32</v>
      </c>
      <c r="C70" s="47"/>
      <c r="D70" s="26">
        <f>'[1]年齢別人口市区町村(日本人)'!D81</f>
        <v>213430</v>
      </c>
      <c r="E70" s="27">
        <f>'[1]年齢別人口市区町村(外国人)'!D81</f>
        <v>21679</v>
      </c>
      <c r="F70" s="28">
        <f>'[1]年齢別人口市区町村(総数)'!D81</f>
        <v>235109</v>
      </c>
      <c r="G70" s="27">
        <f>'[1]年齢別人口市区町村(日本人)'!E81</f>
        <v>5563</v>
      </c>
      <c r="H70" s="27">
        <f>'[1]年齢別人口市区町村(外国人)'!E81</f>
        <v>772</v>
      </c>
      <c r="I70" s="28">
        <f>'[1]年齢別人口市区町村(総数)'!E81</f>
        <v>6335</v>
      </c>
      <c r="J70" s="27">
        <f>'[1]年齢別人口市区町村(日本人)'!F81</f>
        <v>6668</v>
      </c>
      <c r="K70" s="27">
        <f>'[1]年齢別人口市区町村(外国人)'!F81</f>
        <v>829</v>
      </c>
      <c r="L70" s="28">
        <f>'[1]年齢別人口市区町村(総数)'!F81</f>
        <v>7497</v>
      </c>
      <c r="M70" s="27">
        <f>'[1]年齢別人口市区町村(日本人)'!G81</f>
        <v>7801</v>
      </c>
      <c r="N70" s="27">
        <f>'[1]年齢別人口市区町村(外国人)'!G81</f>
        <v>756</v>
      </c>
      <c r="O70" s="28">
        <f>'[1]年齢別人口市区町村(総数)'!G81</f>
        <v>8557</v>
      </c>
      <c r="P70" s="27">
        <f>'[1]年齢別人口市区町村(日本人)'!H81</f>
        <v>8511</v>
      </c>
      <c r="Q70" s="27">
        <f>'[1]年齢別人口市区町村(外国人)'!H81</f>
        <v>651</v>
      </c>
      <c r="R70" s="28">
        <f>'[1]年齢別人口市区町村(総数)'!H81</f>
        <v>9162</v>
      </c>
      <c r="S70" s="27">
        <f>'[1]年齢別人口市区町村(日本人)'!I81</f>
        <v>12224</v>
      </c>
      <c r="T70" s="27">
        <f>'[1]年齢別人口市区町村(外国人)'!I81</f>
        <v>2162</v>
      </c>
      <c r="U70" s="28">
        <f>'[1]年齢別人口市区町村(総数)'!I81</f>
        <v>14386</v>
      </c>
      <c r="V70" s="27">
        <f>'[1]年齢別人口市区町村(日本人)'!J81</f>
        <v>16515</v>
      </c>
      <c r="W70" s="27">
        <f>'[1]年齢別人口市区町村(外国人)'!J81</f>
        <v>3393</v>
      </c>
      <c r="X70" s="28">
        <f>'[1]年齢別人口市区町村(総数)'!J81</f>
        <v>19908</v>
      </c>
      <c r="Y70" s="27">
        <f>'[1]年齢別人口市区町村(日本人)'!K81</f>
        <v>14566</v>
      </c>
      <c r="Z70" s="27">
        <f>'[1]年齢別人口市区町村(外国人)'!K81</f>
        <v>3027</v>
      </c>
      <c r="AA70" s="28">
        <f>'[1]年齢別人口市区町村(総数)'!K81</f>
        <v>17593</v>
      </c>
      <c r="AB70" s="27">
        <f>'[1]年齢別人口市区町村(日本人)'!L81</f>
        <v>13338</v>
      </c>
      <c r="AC70" s="27">
        <f>'[1]年齢別人口市区町村(外国人)'!L81</f>
        <v>2599</v>
      </c>
      <c r="AD70" s="28">
        <f>'[1]年齢別人口市区町村(総数)'!L81</f>
        <v>15937</v>
      </c>
      <c r="AE70" s="27">
        <f>'[1]年齢別人口市区町村(日本人)'!M81</f>
        <v>14565</v>
      </c>
      <c r="AF70" s="27">
        <f>'[1]年齢別人口市区町村(外国人)'!M81</f>
        <v>1857</v>
      </c>
      <c r="AG70" s="28">
        <f>'[1]年齢別人口市区町村(総数)'!M81</f>
        <v>16422</v>
      </c>
      <c r="AH70" s="27">
        <f>'[1]年齢別人口市区町村(日本人)'!N81</f>
        <v>15902</v>
      </c>
      <c r="AI70" s="27">
        <f>'[1]年齢別人口市区町村(外国人)'!N81</f>
        <v>1303</v>
      </c>
      <c r="AJ70" s="28">
        <f>'[1]年齢別人口市区町村(総数)'!N81</f>
        <v>17205</v>
      </c>
      <c r="AK70" s="27">
        <f>'[1]年齢別人口市区町村(日本人)'!O81</f>
        <v>18835</v>
      </c>
      <c r="AL70" s="27">
        <f>'[1]年齢別人口市区町村(外国人)'!O81</f>
        <v>1055</v>
      </c>
      <c r="AM70" s="28">
        <f>'[1]年齢別人口市区町村(総数)'!O81</f>
        <v>19890</v>
      </c>
      <c r="AN70" s="27">
        <f>'[1]年齢別人口市区町村(日本人)'!P81</f>
        <v>15910</v>
      </c>
      <c r="AO70" s="27">
        <f>'[1]年齢別人口市区町村(外国人)'!P81</f>
        <v>1043</v>
      </c>
      <c r="AP70" s="28">
        <f>'[1]年齢別人口市区町村(総数)'!P81</f>
        <v>16953</v>
      </c>
      <c r="AQ70" s="27">
        <f>'[1]年齢別人口市区町村(日本人)'!Q81</f>
        <v>13091</v>
      </c>
      <c r="AR70" s="27">
        <f>'[1]年齢別人口市区町村(外国人)'!Q81</f>
        <v>820</v>
      </c>
      <c r="AS70" s="28">
        <f>'[1]年齢別人口市区町村(総数)'!Q81</f>
        <v>13911</v>
      </c>
      <c r="AT70" s="27">
        <f>'[1]年齢別人口市区町村(日本人)'!R81</f>
        <v>10662</v>
      </c>
      <c r="AU70" s="27">
        <f>'[1]年齢別人口市区町村(外国人)'!R81</f>
        <v>506</v>
      </c>
      <c r="AV70" s="28">
        <f>'[1]年齢別人口市区町村(総数)'!R81</f>
        <v>11168</v>
      </c>
      <c r="AW70" s="27">
        <f>'[1]年齢別人口市区町村(日本人)'!S81</f>
        <v>10949</v>
      </c>
      <c r="AX70" s="27">
        <f>'[1]年齢別人口市区町村(外国人)'!S81</f>
        <v>391</v>
      </c>
      <c r="AY70" s="28">
        <f>'[1]年齢別人口市区町村(総数)'!S81</f>
        <v>11340</v>
      </c>
      <c r="AZ70" s="27">
        <f>'[1]年齢別人口市区町村(日本人)'!T81</f>
        <v>11623</v>
      </c>
      <c r="BA70" s="27">
        <f>'[1]年齢別人口市区町村(外国人)'!T81</f>
        <v>223</v>
      </c>
      <c r="BB70" s="28">
        <f>'[1]年齢別人口市区町村(総数)'!T81</f>
        <v>11846</v>
      </c>
      <c r="BC70" s="27">
        <f>'[1]年齢別人口市区町村(日本人)'!U81</f>
        <v>7914</v>
      </c>
      <c r="BD70" s="27">
        <f>'[1]年齢別人口市区町村(外国人)'!U81</f>
        <v>154</v>
      </c>
      <c r="BE70" s="28">
        <f>'[1]年齢別人口市区町村(総数)'!U81</f>
        <v>8068</v>
      </c>
      <c r="BF70" s="27">
        <f>'[1]年齢別人口市区町村(日本人)'!V81</f>
        <v>5210</v>
      </c>
      <c r="BG70" s="27">
        <f>'[1]年齢別人口市区町村(外国人)'!V81</f>
        <v>96</v>
      </c>
      <c r="BH70" s="28">
        <f>'[1]年齢別人口市区町村(総数)'!V81</f>
        <v>5306</v>
      </c>
      <c r="BI70" s="27">
        <f>'[1]年齢別人口市区町村(日本人)'!W81</f>
        <v>2703</v>
      </c>
      <c r="BJ70" s="27">
        <f>'[1]年齢別人口市区町村(外国人)'!W81</f>
        <v>36</v>
      </c>
      <c r="BK70" s="28">
        <f>'[1]年齢別人口市区町村(総数)'!W81</f>
        <v>2739</v>
      </c>
      <c r="BL70" s="27">
        <f>'[1]年齢別人口市区町村(日本人)'!X81</f>
        <v>762</v>
      </c>
      <c r="BM70" s="27">
        <f>'[1]年齢別人口市区町村(外国人)'!X81</f>
        <v>4</v>
      </c>
      <c r="BN70" s="28">
        <f>'[1]年齢別人口市区町村(総数)'!X81</f>
        <v>766</v>
      </c>
      <c r="BO70" s="27">
        <f>'[1]年齢別人口市区町村(日本人)'!Y81</f>
        <v>118</v>
      </c>
      <c r="BP70" s="27">
        <f>'[1]年齢別人口市区町村(外国人)'!Y81</f>
        <v>2</v>
      </c>
      <c r="BQ70" s="62">
        <f>'[1]年齢別人口市区町村(総数)'!Y81</f>
        <v>120</v>
      </c>
    </row>
    <row r="71" spans="1:69" x14ac:dyDescent="0.15">
      <c r="A71" s="31"/>
      <c r="B71" s="17" t="s">
        <v>29</v>
      </c>
      <c r="C71" s="45">
        <v>141321</v>
      </c>
      <c r="D71" s="18">
        <f>'[1]年齢別人口市区町村(日本人)'!D85</f>
        <v>85793</v>
      </c>
      <c r="E71" s="19">
        <f>'[1]年齢別人口市区町村(外国人)'!D85</f>
        <v>3859</v>
      </c>
      <c r="F71" s="19">
        <f>'[1]年齢別人口市区町村(総数)'!D85</f>
        <v>89652</v>
      </c>
      <c r="G71" s="19">
        <f>'[1]年齢別人口市区町村(日本人)'!E85</f>
        <v>3416</v>
      </c>
      <c r="H71" s="19">
        <f>'[1]年齢別人口市区町村(外国人)'!E85</f>
        <v>178</v>
      </c>
      <c r="I71" s="19">
        <f>'[1]年齢別人口市区町村(総数)'!E85</f>
        <v>3594</v>
      </c>
      <c r="J71" s="19">
        <f>'[1]年齢別人口市区町村(日本人)'!F85</f>
        <v>3799</v>
      </c>
      <c r="K71" s="19">
        <f>'[1]年齢別人口市区町村(外国人)'!F85</f>
        <v>161</v>
      </c>
      <c r="L71" s="19">
        <f>'[1]年齢別人口市区町村(総数)'!F85</f>
        <v>3960</v>
      </c>
      <c r="M71" s="19">
        <f>'[1]年齢別人口市区町村(日本人)'!G85</f>
        <v>3700</v>
      </c>
      <c r="N71" s="19">
        <f>'[1]年齢別人口市区町村(外国人)'!G85</f>
        <v>147</v>
      </c>
      <c r="O71" s="19">
        <f>'[1]年齢別人口市区町村(総数)'!G85</f>
        <v>3847</v>
      </c>
      <c r="P71" s="19">
        <f>'[1]年齢別人口市区町村(日本人)'!H85</f>
        <v>3592</v>
      </c>
      <c r="Q71" s="19">
        <f>'[1]年齢別人口市区町村(外国人)'!H85</f>
        <v>131</v>
      </c>
      <c r="R71" s="19">
        <f>'[1]年齢別人口市区町村(総数)'!H85</f>
        <v>3723</v>
      </c>
      <c r="S71" s="19">
        <f>'[1]年齢別人口市区町村(日本人)'!I85</f>
        <v>4125</v>
      </c>
      <c r="T71" s="19">
        <f>'[1]年齢別人口市区町村(外国人)'!I85</f>
        <v>385</v>
      </c>
      <c r="U71" s="19">
        <f>'[1]年齢別人口市区町村(総数)'!I85</f>
        <v>4510</v>
      </c>
      <c r="V71" s="19">
        <f>'[1]年齢別人口市区町村(日本人)'!J85</f>
        <v>6277</v>
      </c>
      <c r="W71" s="19">
        <f>'[1]年齢別人口市区町村(外国人)'!J85</f>
        <v>562</v>
      </c>
      <c r="X71" s="19">
        <f>'[1]年齢別人口市区町村(総数)'!J85</f>
        <v>6839</v>
      </c>
      <c r="Y71" s="19">
        <f>'[1]年齢別人口市区町村(日本人)'!K85</f>
        <v>6306</v>
      </c>
      <c r="Z71" s="19">
        <f>'[1]年齢別人口市区町村(外国人)'!K85</f>
        <v>658</v>
      </c>
      <c r="AA71" s="19">
        <f>'[1]年齢別人口市区町村(総数)'!K85</f>
        <v>6964</v>
      </c>
      <c r="AB71" s="19">
        <f>'[1]年齢別人口市区町村(日本人)'!L85</f>
        <v>6218</v>
      </c>
      <c r="AC71" s="19">
        <f>'[1]年齢別人口市区町村(外国人)'!L85</f>
        <v>499</v>
      </c>
      <c r="AD71" s="19">
        <f>'[1]年齢別人口市区町村(総数)'!L85</f>
        <v>6717</v>
      </c>
      <c r="AE71" s="19">
        <f>'[1]年齢別人口市区町村(日本人)'!M85</f>
        <v>6750</v>
      </c>
      <c r="AF71" s="19">
        <f>'[1]年齢別人口市区町村(外国人)'!M85</f>
        <v>349</v>
      </c>
      <c r="AG71" s="19">
        <f>'[1]年齢別人口市区町村(総数)'!M85</f>
        <v>7099</v>
      </c>
      <c r="AH71" s="19">
        <f>'[1]年齢別人口市区町村(日本人)'!N85</f>
        <v>6981</v>
      </c>
      <c r="AI71" s="19">
        <f>'[1]年齢別人口市区町村(外国人)'!N85</f>
        <v>257</v>
      </c>
      <c r="AJ71" s="19">
        <f>'[1]年齢別人口市区町村(総数)'!N85</f>
        <v>7238</v>
      </c>
      <c r="AK71" s="19">
        <f>'[1]年齢別人口市区町村(日本人)'!O85</f>
        <v>7587</v>
      </c>
      <c r="AL71" s="19">
        <f>'[1]年齢別人口市区町村(外国人)'!O85</f>
        <v>168</v>
      </c>
      <c r="AM71" s="19">
        <f>'[1]年齢別人口市区町村(総数)'!O85</f>
        <v>7755</v>
      </c>
      <c r="AN71" s="19">
        <f>'[1]年齢別人口市区町村(日本人)'!P85</f>
        <v>6271</v>
      </c>
      <c r="AO71" s="19">
        <f>'[1]年齢別人口市区町村(外国人)'!P85</f>
        <v>115</v>
      </c>
      <c r="AP71" s="19">
        <f>'[1]年齢別人口市区町村(総数)'!P85</f>
        <v>6386</v>
      </c>
      <c r="AQ71" s="19">
        <f>'[1]年齢別人口市区町村(日本人)'!Q85</f>
        <v>4780</v>
      </c>
      <c r="AR71" s="19">
        <f>'[1]年齢別人口市区町村(外国人)'!Q85</f>
        <v>106</v>
      </c>
      <c r="AS71" s="19">
        <f>'[1]年齢別人口市区町村(総数)'!Q85</f>
        <v>4886</v>
      </c>
      <c r="AT71" s="19">
        <f>'[1]年齢別人口市区町村(日本人)'!R85</f>
        <v>3738</v>
      </c>
      <c r="AU71" s="19">
        <f>'[1]年齢別人口市区町村(外国人)'!R85</f>
        <v>45</v>
      </c>
      <c r="AV71" s="19">
        <f>'[1]年齢別人口市区町村(総数)'!R85</f>
        <v>3783</v>
      </c>
      <c r="AW71" s="19">
        <f>'[1]年齢別人口市区町村(日本人)'!S85</f>
        <v>3673</v>
      </c>
      <c r="AX71" s="19">
        <f>'[1]年齢別人口市区町村(外国人)'!S85</f>
        <v>52</v>
      </c>
      <c r="AY71" s="19">
        <f>'[1]年齢別人口市区町村(総数)'!S85</f>
        <v>3725</v>
      </c>
      <c r="AZ71" s="19">
        <f>'[1]年齢別人口市区町村(日本人)'!T85</f>
        <v>3979</v>
      </c>
      <c r="BA71" s="19">
        <f>'[1]年齢別人口市区町村(外国人)'!T85</f>
        <v>24</v>
      </c>
      <c r="BB71" s="19">
        <f>'[1]年齢別人口市区町村(総数)'!T85</f>
        <v>4003</v>
      </c>
      <c r="BC71" s="19">
        <f>'[1]年齢別人口市区町村(日本人)'!U85</f>
        <v>2519</v>
      </c>
      <c r="BD71" s="19">
        <f>'[1]年齢別人口市区町村(外国人)'!U85</f>
        <v>11</v>
      </c>
      <c r="BE71" s="19">
        <f>'[1]年齢別人口市区町村(総数)'!U85</f>
        <v>2530</v>
      </c>
      <c r="BF71" s="19">
        <f>'[1]年齢別人口市区町村(日本人)'!V85</f>
        <v>1429</v>
      </c>
      <c r="BG71" s="19">
        <f>'[1]年齢別人口市区町村(外国人)'!V85</f>
        <v>9</v>
      </c>
      <c r="BH71" s="19">
        <f>'[1]年齢別人口市区町村(総数)'!V85</f>
        <v>1438</v>
      </c>
      <c r="BI71" s="19">
        <f>'[1]年齢別人口市区町村(日本人)'!W85</f>
        <v>544</v>
      </c>
      <c r="BJ71" s="19">
        <f>'[1]年齢別人口市区町村(外国人)'!W85</f>
        <v>2</v>
      </c>
      <c r="BK71" s="19">
        <f>'[1]年齢別人口市区町村(総数)'!W85</f>
        <v>546</v>
      </c>
      <c r="BL71" s="19">
        <f>'[1]年齢別人口市区町村(日本人)'!X85</f>
        <v>99</v>
      </c>
      <c r="BM71" s="19">
        <f>'[1]年齢別人口市区町村(外国人)'!X85</f>
        <v>0</v>
      </c>
      <c r="BN71" s="19">
        <f>'[1]年齢別人口市区町村(総数)'!X85</f>
        <v>99</v>
      </c>
      <c r="BO71" s="19">
        <f>'[1]年齢別人口市区町村(日本人)'!Y85</f>
        <v>10</v>
      </c>
      <c r="BP71" s="19">
        <f>'[1]年齢別人口市区町村(外国人)'!Y85</f>
        <v>0</v>
      </c>
      <c r="BQ71" s="60">
        <f>'[1]年齢別人口市区町村(総数)'!Y85</f>
        <v>10</v>
      </c>
    </row>
    <row r="72" spans="1:69" x14ac:dyDescent="0.15">
      <c r="A72" s="31" t="s">
        <v>54</v>
      </c>
      <c r="B72" s="21" t="s">
        <v>31</v>
      </c>
      <c r="C72" s="46"/>
      <c r="D72" s="22">
        <f>'[1]年齢別人口市区町村(日本人)'!D86</f>
        <v>82620</v>
      </c>
      <c r="E72" s="23">
        <f>'[1]年齢別人口市区町村(外国人)'!D86</f>
        <v>4005</v>
      </c>
      <c r="F72" s="24">
        <f>'[1]年齢別人口市区町村(総数)'!D86</f>
        <v>86625</v>
      </c>
      <c r="G72" s="23">
        <f>'[1]年齢別人口市区町村(日本人)'!E86</f>
        <v>3191</v>
      </c>
      <c r="H72" s="23">
        <f>'[1]年齢別人口市区町村(外国人)'!E86</f>
        <v>176</v>
      </c>
      <c r="I72" s="24">
        <f>'[1]年齢別人口市区町村(総数)'!E86</f>
        <v>3367</v>
      </c>
      <c r="J72" s="23">
        <f>'[1]年齢別人口市区町村(日本人)'!F86</f>
        <v>3582</v>
      </c>
      <c r="K72" s="23">
        <f>'[1]年齢別人口市区町村(外国人)'!F86</f>
        <v>145</v>
      </c>
      <c r="L72" s="24">
        <f>'[1]年齢別人口市区町村(総数)'!F86</f>
        <v>3727</v>
      </c>
      <c r="M72" s="23">
        <f>'[1]年齢別人口市区町村(日本人)'!G86</f>
        <v>3526</v>
      </c>
      <c r="N72" s="23">
        <f>'[1]年齢別人口市区町村(外国人)'!G86</f>
        <v>131</v>
      </c>
      <c r="O72" s="24">
        <f>'[1]年齢別人口市区町村(総数)'!G86</f>
        <v>3657</v>
      </c>
      <c r="P72" s="23">
        <f>'[1]年齢別人口市区町村(日本人)'!H86</f>
        <v>3473</v>
      </c>
      <c r="Q72" s="23">
        <f>'[1]年齢別人口市区町村(外国人)'!H86</f>
        <v>129</v>
      </c>
      <c r="R72" s="24">
        <f>'[1]年齢別人口市区町村(総数)'!H86</f>
        <v>3602</v>
      </c>
      <c r="S72" s="23">
        <f>'[1]年齢別人口市区町村(日本人)'!I86</f>
        <v>3890</v>
      </c>
      <c r="T72" s="23">
        <f>'[1]年齢別人口市区町村(外国人)'!I86</f>
        <v>266</v>
      </c>
      <c r="U72" s="24">
        <f>'[1]年齢別人口市区町村(総数)'!I86</f>
        <v>4156</v>
      </c>
      <c r="V72" s="23">
        <f>'[1]年齢別人口市区町村(日本人)'!J86</f>
        <v>5359</v>
      </c>
      <c r="W72" s="23">
        <f>'[1]年齢別人口市区町村(外国人)'!J86</f>
        <v>499</v>
      </c>
      <c r="X72" s="24">
        <f>'[1]年齢別人口市区町村(総数)'!J86</f>
        <v>5858</v>
      </c>
      <c r="Y72" s="23">
        <f>'[1]年齢別人口市区町村(日本人)'!K86</f>
        <v>5561</v>
      </c>
      <c r="Z72" s="23">
        <f>'[1]年齢別人口市区町村(外国人)'!K86</f>
        <v>557</v>
      </c>
      <c r="AA72" s="24">
        <f>'[1]年齢別人口市区町村(総数)'!K86</f>
        <v>6118</v>
      </c>
      <c r="AB72" s="23">
        <f>'[1]年齢別人口市区町村(日本人)'!L86</f>
        <v>5385</v>
      </c>
      <c r="AC72" s="23">
        <f>'[1]年齢別人口市区町村(外国人)'!L86</f>
        <v>491</v>
      </c>
      <c r="AD72" s="24">
        <f>'[1]年齢別人口市区町村(総数)'!L86</f>
        <v>5876</v>
      </c>
      <c r="AE72" s="23">
        <f>'[1]年齢別人口市区町村(日本人)'!M86</f>
        <v>5828</v>
      </c>
      <c r="AF72" s="23">
        <f>'[1]年齢別人口市区町村(外国人)'!M86</f>
        <v>392</v>
      </c>
      <c r="AG72" s="24">
        <f>'[1]年齢別人口市区町村(総数)'!M86</f>
        <v>6220</v>
      </c>
      <c r="AH72" s="23">
        <f>'[1]年齢別人口市区町村(日本人)'!N86</f>
        <v>6269</v>
      </c>
      <c r="AI72" s="23">
        <f>'[1]年齢別人口市区町村(外国人)'!N86</f>
        <v>294</v>
      </c>
      <c r="AJ72" s="24">
        <f>'[1]年齢別人口市区町村(総数)'!N86</f>
        <v>6563</v>
      </c>
      <c r="AK72" s="23">
        <f>'[1]年齢別人口市区町村(日本人)'!O86</f>
        <v>6574</v>
      </c>
      <c r="AL72" s="23">
        <f>'[1]年齢別人口市区町村(外国人)'!O86</f>
        <v>245</v>
      </c>
      <c r="AM72" s="24">
        <f>'[1]年齢別人口市区町村(総数)'!O86</f>
        <v>6819</v>
      </c>
      <c r="AN72" s="23">
        <f>'[1]年齢別人口市区町村(日本人)'!P86</f>
        <v>5427</v>
      </c>
      <c r="AO72" s="23">
        <f>'[1]年齢別人口市区町村(外国人)'!P86</f>
        <v>224</v>
      </c>
      <c r="AP72" s="24">
        <f>'[1]年齢別人口市区町村(総数)'!P86</f>
        <v>5651</v>
      </c>
      <c r="AQ72" s="23">
        <f>'[1]年齢別人口市区町村(日本人)'!Q86</f>
        <v>4207</v>
      </c>
      <c r="AR72" s="23">
        <f>'[1]年齢別人口市区町村(外国人)'!Q86</f>
        <v>181</v>
      </c>
      <c r="AS72" s="24">
        <f>'[1]年齢別人口市区町村(総数)'!Q86</f>
        <v>4388</v>
      </c>
      <c r="AT72" s="23">
        <f>'[1]年齢別人口市区町村(日本人)'!R86</f>
        <v>3557</v>
      </c>
      <c r="AU72" s="23">
        <f>'[1]年齢別人口市区町村(外国人)'!R86</f>
        <v>118</v>
      </c>
      <c r="AV72" s="24">
        <f>'[1]年齢別人口市区町村(総数)'!R86</f>
        <v>3675</v>
      </c>
      <c r="AW72" s="23">
        <f>'[1]年齢別人口市区町村(日本人)'!S86</f>
        <v>3955</v>
      </c>
      <c r="AX72" s="23">
        <f>'[1]年齢別人口市区町村(外国人)'!S86</f>
        <v>68</v>
      </c>
      <c r="AY72" s="24">
        <f>'[1]年齢別人口市区町村(総数)'!S86</f>
        <v>4023</v>
      </c>
      <c r="AZ72" s="23">
        <f>'[1]年齢別人口市区町村(日本人)'!T86</f>
        <v>4735</v>
      </c>
      <c r="BA72" s="23">
        <f>'[1]年齢別人口市区町村(外国人)'!T86</f>
        <v>40</v>
      </c>
      <c r="BB72" s="24">
        <f>'[1]年齢別人口市区町村(総数)'!T86</f>
        <v>4775</v>
      </c>
      <c r="BC72" s="23">
        <f>'[1]年齢別人口市区町村(日本人)'!U86</f>
        <v>3523</v>
      </c>
      <c r="BD72" s="23">
        <f>'[1]年齢別人口市区町村(外国人)'!U86</f>
        <v>21</v>
      </c>
      <c r="BE72" s="24">
        <f>'[1]年齢別人口市区町村(総数)'!U86</f>
        <v>3544</v>
      </c>
      <c r="BF72" s="23">
        <f>'[1]年齢別人口市区町村(日本人)'!V86</f>
        <v>2496</v>
      </c>
      <c r="BG72" s="23">
        <f>'[1]年齢別人口市区町村(外国人)'!V86</f>
        <v>18</v>
      </c>
      <c r="BH72" s="24">
        <f>'[1]年齢別人口市区町村(総数)'!V86</f>
        <v>2514</v>
      </c>
      <c r="BI72" s="23">
        <f>'[1]年齢別人口市区町村(日本人)'!W86</f>
        <v>1540</v>
      </c>
      <c r="BJ72" s="23">
        <f>'[1]年齢別人口市区町村(外国人)'!W86</f>
        <v>7</v>
      </c>
      <c r="BK72" s="24">
        <f>'[1]年齢別人口市区町村(総数)'!W86</f>
        <v>1547</v>
      </c>
      <c r="BL72" s="23">
        <f>'[1]年齢別人口市区町村(日本人)'!X86</f>
        <v>471</v>
      </c>
      <c r="BM72" s="23">
        <f>'[1]年齢別人口市区町村(外国人)'!X86</f>
        <v>3</v>
      </c>
      <c r="BN72" s="24">
        <f>'[1]年齢別人口市区町村(総数)'!X86</f>
        <v>474</v>
      </c>
      <c r="BO72" s="23">
        <f>'[1]年齢別人口市区町村(日本人)'!Y86</f>
        <v>71</v>
      </c>
      <c r="BP72" s="23">
        <f>'[1]年齢別人口市区町村(外国人)'!Y86</f>
        <v>0</v>
      </c>
      <c r="BQ72" s="61">
        <f>'[1]年齢別人口市区町村(総数)'!Y86</f>
        <v>71</v>
      </c>
    </row>
    <row r="73" spans="1:69" ht="15" thickBot="1" x14ac:dyDescent="0.2">
      <c r="A73" s="32"/>
      <c r="B73" s="25" t="s">
        <v>32</v>
      </c>
      <c r="C73" s="47"/>
      <c r="D73" s="26">
        <f>'[1]年齢別人口市区町村(日本人)'!D84</f>
        <v>168413</v>
      </c>
      <c r="E73" s="27">
        <f>'[1]年齢別人口市区町村(外国人)'!D84</f>
        <v>7864</v>
      </c>
      <c r="F73" s="28">
        <f>'[1]年齢別人口市区町村(総数)'!D84</f>
        <v>176277</v>
      </c>
      <c r="G73" s="27">
        <f>'[1]年齢別人口市区町村(日本人)'!E84</f>
        <v>6607</v>
      </c>
      <c r="H73" s="27">
        <f>'[1]年齢別人口市区町村(外国人)'!E84</f>
        <v>354</v>
      </c>
      <c r="I73" s="28">
        <f>'[1]年齢別人口市区町村(総数)'!E84</f>
        <v>6961</v>
      </c>
      <c r="J73" s="27">
        <f>'[1]年齢別人口市区町村(日本人)'!F84</f>
        <v>7381</v>
      </c>
      <c r="K73" s="27">
        <f>'[1]年齢別人口市区町村(外国人)'!F84</f>
        <v>306</v>
      </c>
      <c r="L73" s="28">
        <f>'[1]年齢別人口市区町村(総数)'!F84</f>
        <v>7687</v>
      </c>
      <c r="M73" s="27">
        <f>'[1]年齢別人口市区町村(日本人)'!G84</f>
        <v>7226</v>
      </c>
      <c r="N73" s="27">
        <f>'[1]年齢別人口市区町村(外国人)'!G84</f>
        <v>278</v>
      </c>
      <c r="O73" s="28">
        <f>'[1]年齢別人口市区町村(総数)'!G84</f>
        <v>7504</v>
      </c>
      <c r="P73" s="27">
        <f>'[1]年齢別人口市区町村(日本人)'!H84</f>
        <v>7065</v>
      </c>
      <c r="Q73" s="27">
        <f>'[1]年齢別人口市区町村(外国人)'!H84</f>
        <v>260</v>
      </c>
      <c r="R73" s="28">
        <f>'[1]年齢別人口市区町村(総数)'!H84</f>
        <v>7325</v>
      </c>
      <c r="S73" s="27">
        <f>'[1]年齢別人口市区町村(日本人)'!I84</f>
        <v>8015</v>
      </c>
      <c r="T73" s="27">
        <f>'[1]年齢別人口市区町村(外国人)'!I84</f>
        <v>651</v>
      </c>
      <c r="U73" s="28">
        <f>'[1]年齢別人口市区町村(総数)'!I84</f>
        <v>8666</v>
      </c>
      <c r="V73" s="27">
        <f>'[1]年齢別人口市区町村(日本人)'!J84</f>
        <v>11636</v>
      </c>
      <c r="W73" s="27">
        <f>'[1]年齢別人口市区町村(外国人)'!J84</f>
        <v>1061</v>
      </c>
      <c r="X73" s="28">
        <f>'[1]年齢別人口市区町村(総数)'!J84</f>
        <v>12697</v>
      </c>
      <c r="Y73" s="27">
        <f>'[1]年齢別人口市区町村(日本人)'!K84</f>
        <v>11867</v>
      </c>
      <c r="Z73" s="27">
        <f>'[1]年齢別人口市区町村(外国人)'!K84</f>
        <v>1215</v>
      </c>
      <c r="AA73" s="28">
        <f>'[1]年齢別人口市区町村(総数)'!K84</f>
        <v>13082</v>
      </c>
      <c r="AB73" s="27">
        <f>'[1]年齢別人口市区町村(日本人)'!L84</f>
        <v>11603</v>
      </c>
      <c r="AC73" s="27">
        <f>'[1]年齢別人口市区町村(外国人)'!L84</f>
        <v>990</v>
      </c>
      <c r="AD73" s="28">
        <f>'[1]年齢別人口市区町村(総数)'!L84</f>
        <v>12593</v>
      </c>
      <c r="AE73" s="27">
        <f>'[1]年齢別人口市区町村(日本人)'!M84</f>
        <v>12578</v>
      </c>
      <c r="AF73" s="27">
        <f>'[1]年齢別人口市区町村(外国人)'!M84</f>
        <v>741</v>
      </c>
      <c r="AG73" s="28">
        <f>'[1]年齢別人口市区町村(総数)'!M84</f>
        <v>13319</v>
      </c>
      <c r="AH73" s="27">
        <f>'[1]年齢別人口市区町村(日本人)'!N84</f>
        <v>13250</v>
      </c>
      <c r="AI73" s="27">
        <f>'[1]年齢別人口市区町村(外国人)'!N84</f>
        <v>551</v>
      </c>
      <c r="AJ73" s="28">
        <f>'[1]年齢別人口市区町村(総数)'!N84</f>
        <v>13801</v>
      </c>
      <c r="AK73" s="27">
        <f>'[1]年齢別人口市区町村(日本人)'!O84</f>
        <v>14161</v>
      </c>
      <c r="AL73" s="27">
        <f>'[1]年齢別人口市区町村(外国人)'!O84</f>
        <v>413</v>
      </c>
      <c r="AM73" s="28">
        <f>'[1]年齢別人口市区町村(総数)'!O84</f>
        <v>14574</v>
      </c>
      <c r="AN73" s="27">
        <f>'[1]年齢別人口市区町村(日本人)'!P84</f>
        <v>11698</v>
      </c>
      <c r="AO73" s="27">
        <f>'[1]年齢別人口市区町村(外国人)'!P84</f>
        <v>339</v>
      </c>
      <c r="AP73" s="28">
        <f>'[1]年齢別人口市区町村(総数)'!P84</f>
        <v>12037</v>
      </c>
      <c r="AQ73" s="27">
        <f>'[1]年齢別人口市区町村(日本人)'!Q84</f>
        <v>8987</v>
      </c>
      <c r="AR73" s="27">
        <f>'[1]年齢別人口市区町村(外国人)'!Q84</f>
        <v>287</v>
      </c>
      <c r="AS73" s="28">
        <f>'[1]年齢別人口市区町村(総数)'!Q84</f>
        <v>9274</v>
      </c>
      <c r="AT73" s="27">
        <f>'[1]年齢別人口市区町村(日本人)'!R84</f>
        <v>7295</v>
      </c>
      <c r="AU73" s="27">
        <f>'[1]年齢別人口市区町村(外国人)'!R84</f>
        <v>163</v>
      </c>
      <c r="AV73" s="28">
        <f>'[1]年齢別人口市区町村(総数)'!R84</f>
        <v>7458</v>
      </c>
      <c r="AW73" s="27">
        <f>'[1]年齢別人口市区町村(日本人)'!S84</f>
        <v>7628</v>
      </c>
      <c r="AX73" s="27">
        <f>'[1]年齢別人口市区町村(外国人)'!S84</f>
        <v>120</v>
      </c>
      <c r="AY73" s="28">
        <f>'[1]年齢別人口市区町村(総数)'!S84</f>
        <v>7748</v>
      </c>
      <c r="AZ73" s="27">
        <f>'[1]年齢別人口市区町村(日本人)'!T84</f>
        <v>8714</v>
      </c>
      <c r="BA73" s="27">
        <f>'[1]年齢別人口市区町村(外国人)'!T84</f>
        <v>64</v>
      </c>
      <c r="BB73" s="28">
        <f>'[1]年齢別人口市区町村(総数)'!T84</f>
        <v>8778</v>
      </c>
      <c r="BC73" s="27">
        <f>'[1]年齢別人口市区町村(日本人)'!U84</f>
        <v>6042</v>
      </c>
      <c r="BD73" s="27">
        <f>'[1]年齢別人口市区町村(外国人)'!U84</f>
        <v>32</v>
      </c>
      <c r="BE73" s="28">
        <f>'[1]年齢別人口市区町村(総数)'!U84</f>
        <v>6074</v>
      </c>
      <c r="BF73" s="27">
        <f>'[1]年齢別人口市区町村(日本人)'!V84</f>
        <v>3925</v>
      </c>
      <c r="BG73" s="27">
        <f>'[1]年齢別人口市区町村(外国人)'!V84</f>
        <v>27</v>
      </c>
      <c r="BH73" s="28">
        <f>'[1]年齢別人口市区町村(総数)'!V84</f>
        <v>3952</v>
      </c>
      <c r="BI73" s="27">
        <f>'[1]年齢別人口市区町村(日本人)'!W84</f>
        <v>2084</v>
      </c>
      <c r="BJ73" s="27">
        <f>'[1]年齢別人口市区町村(外国人)'!W84</f>
        <v>9</v>
      </c>
      <c r="BK73" s="28">
        <f>'[1]年齢別人口市区町村(総数)'!W84</f>
        <v>2093</v>
      </c>
      <c r="BL73" s="27">
        <f>'[1]年齢別人口市区町村(日本人)'!X84</f>
        <v>570</v>
      </c>
      <c r="BM73" s="27">
        <f>'[1]年齢別人口市区町村(外国人)'!X84</f>
        <v>3</v>
      </c>
      <c r="BN73" s="28">
        <f>'[1]年齢別人口市区町村(総数)'!X84</f>
        <v>573</v>
      </c>
      <c r="BO73" s="27">
        <f>'[1]年齢別人口市区町村(日本人)'!Y84</f>
        <v>81</v>
      </c>
      <c r="BP73" s="27">
        <f>'[1]年齢別人口市区町村(外国人)'!Y84</f>
        <v>0</v>
      </c>
      <c r="BQ73" s="62">
        <f>'[1]年齢別人口市区町村(総数)'!Y84</f>
        <v>81</v>
      </c>
    </row>
    <row r="74" spans="1:69" x14ac:dyDescent="0.15">
      <c r="A74" s="31"/>
      <c r="B74" s="17" t="s">
        <v>29</v>
      </c>
      <c r="C74" s="45">
        <v>141330</v>
      </c>
      <c r="D74" s="18">
        <f>'[1]年齢別人口市区町村(日本人)'!D88</f>
        <v>129769</v>
      </c>
      <c r="E74" s="19">
        <f>'[1]年齢別人口市区町村(外国人)'!D88</f>
        <v>3903</v>
      </c>
      <c r="F74" s="19">
        <f>'[1]年齢別人口市区町村(総数)'!D88</f>
        <v>133672</v>
      </c>
      <c r="G74" s="19">
        <f>'[1]年齢別人口市区町村(日本人)'!E88</f>
        <v>4934</v>
      </c>
      <c r="H74" s="19">
        <f>'[1]年齢別人口市区町村(外国人)'!E88</f>
        <v>105</v>
      </c>
      <c r="I74" s="19">
        <f>'[1]年齢別人口市区町村(総数)'!E88</f>
        <v>5039</v>
      </c>
      <c r="J74" s="19">
        <f>'[1]年齢別人口市区町村(日本人)'!F88</f>
        <v>5249</v>
      </c>
      <c r="K74" s="19">
        <f>'[1]年齢別人口市区町村(外国人)'!F88</f>
        <v>92</v>
      </c>
      <c r="L74" s="19">
        <f>'[1]年齢別人口市区町村(総数)'!F88</f>
        <v>5341</v>
      </c>
      <c r="M74" s="19">
        <f>'[1]年齢別人口市区町村(日本人)'!G88</f>
        <v>5547</v>
      </c>
      <c r="N74" s="19">
        <f>'[1]年齢別人口市区町村(外国人)'!G88</f>
        <v>66</v>
      </c>
      <c r="O74" s="19">
        <f>'[1]年齢別人口市区町村(総数)'!G88</f>
        <v>5613</v>
      </c>
      <c r="P74" s="19">
        <f>'[1]年齢別人口市区町村(日本人)'!H88</f>
        <v>5296</v>
      </c>
      <c r="Q74" s="19">
        <f>'[1]年齢別人口市区町村(外国人)'!H88</f>
        <v>104</v>
      </c>
      <c r="R74" s="19">
        <f>'[1]年齢別人口市区町村(総数)'!H88</f>
        <v>5400</v>
      </c>
      <c r="S74" s="19">
        <f>'[1]年齢別人口市区町村(日本人)'!I88</f>
        <v>7650</v>
      </c>
      <c r="T74" s="19">
        <f>'[1]年齢別人口市区町村(外国人)'!I88</f>
        <v>382</v>
      </c>
      <c r="U74" s="19">
        <f>'[1]年齢別人口市区町村(総数)'!I88</f>
        <v>8032</v>
      </c>
      <c r="V74" s="19">
        <f>'[1]年齢別人口市区町村(日本人)'!J88</f>
        <v>13026</v>
      </c>
      <c r="W74" s="19">
        <f>'[1]年齢別人口市区町村(外国人)'!J88</f>
        <v>746</v>
      </c>
      <c r="X74" s="19">
        <f>'[1]年齢別人口市区町村(総数)'!J88</f>
        <v>13772</v>
      </c>
      <c r="Y74" s="19">
        <f>'[1]年齢別人口市区町村(日本人)'!K88</f>
        <v>11007</v>
      </c>
      <c r="Z74" s="19">
        <f>'[1]年齢別人口市区町村(外国人)'!K88</f>
        <v>746</v>
      </c>
      <c r="AA74" s="19">
        <f>'[1]年齢別人口市区町村(総数)'!K88</f>
        <v>11753</v>
      </c>
      <c r="AB74" s="19">
        <f>'[1]年齢別人口市区町村(日本人)'!L88</f>
        <v>9316</v>
      </c>
      <c r="AC74" s="19">
        <f>'[1]年齢別人口市区町村(外国人)'!L88</f>
        <v>521</v>
      </c>
      <c r="AD74" s="19">
        <f>'[1]年齢別人口市区町村(総数)'!L88</f>
        <v>9837</v>
      </c>
      <c r="AE74" s="19">
        <f>'[1]年齢別人口市区町村(日本人)'!M88</f>
        <v>9957</v>
      </c>
      <c r="AF74" s="19">
        <f>'[1]年齢別人口市区町村(外国人)'!M88</f>
        <v>373</v>
      </c>
      <c r="AG74" s="19">
        <f>'[1]年齢別人口市区町村(総数)'!M88</f>
        <v>10330</v>
      </c>
      <c r="AH74" s="19">
        <f>'[1]年齢別人口市区町村(日本人)'!N88</f>
        <v>10245</v>
      </c>
      <c r="AI74" s="19">
        <f>'[1]年齢別人口市区町村(外国人)'!N88</f>
        <v>247</v>
      </c>
      <c r="AJ74" s="19">
        <f>'[1]年齢別人口市区町村(総数)'!N88</f>
        <v>10492</v>
      </c>
      <c r="AK74" s="19">
        <f>'[1]年齢別人口市区町村(日本人)'!O88</f>
        <v>11143</v>
      </c>
      <c r="AL74" s="19">
        <f>'[1]年齢別人口市区町村(外国人)'!O88</f>
        <v>143</v>
      </c>
      <c r="AM74" s="19">
        <f>'[1]年齢別人口市区町村(総数)'!O88</f>
        <v>11286</v>
      </c>
      <c r="AN74" s="19">
        <f>'[1]年齢別人口市区町村(日本人)'!P88</f>
        <v>9834</v>
      </c>
      <c r="AO74" s="19">
        <f>'[1]年齢別人口市区町村(外国人)'!P88</f>
        <v>120</v>
      </c>
      <c r="AP74" s="19">
        <f>'[1]年齢別人口市区町村(総数)'!P88</f>
        <v>9954</v>
      </c>
      <c r="AQ74" s="19">
        <f>'[1]年齢別人口市区町村(日本人)'!Q88</f>
        <v>7491</v>
      </c>
      <c r="AR74" s="19">
        <f>'[1]年齢別人口市区町村(外国人)'!Q88</f>
        <v>103</v>
      </c>
      <c r="AS74" s="19">
        <f>'[1]年齢別人口市区町村(総数)'!Q88</f>
        <v>7594</v>
      </c>
      <c r="AT74" s="19">
        <f>'[1]年齢別人口市区町村(日本人)'!R88</f>
        <v>5393</v>
      </c>
      <c r="AU74" s="19">
        <f>'[1]年齢別人口市区町村(外国人)'!R88</f>
        <v>62</v>
      </c>
      <c r="AV74" s="19">
        <f>'[1]年齢別人口市区町村(総数)'!R88</f>
        <v>5455</v>
      </c>
      <c r="AW74" s="19">
        <f>'[1]年齢別人口市区町村(日本人)'!S88</f>
        <v>4301</v>
      </c>
      <c r="AX74" s="19">
        <f>'[1]年齢別人口市区町村(外国人)'!S88</f>
        <v>36</v>
      </c>
      <c r="AY74" s="19">
        <f>'[1]年齢別人口市区町村(総数)'!S88</f>
        <v>4337</v>
      </c>
      <c r="AZ74" s="19">
        <f>'[1]年齢別人口市区町村(日本人)'!T88</f>
        <v>4306</v>
      </c>
      <c r="BA74" s="19">
        <f>'[1]年齢別人口市区町村(外国人)'!T88</f>
        <v>34</v>
      </c>
      <c r="BB74" s="19">
        <f>'[1]年齢別人口市区町村(総数)'!T88</f>
        <v>4340</v>
      </c>
      <c r="BC74" s="19">
        <f>'[1]年齢別人口市区町村(日本人)'!U88</f>
        <v>2736</v>
      </c>
      <c r="BD74" s="19">
        <f>'[1]年齢別人口市区町村(外国人)'!U88</f>
        <v>11</v>
      </c>
      <c r="BE74" s="19">
        <f>'[1]年齢別人口市区町村(総数)'!U88</f>
        <v>2747</v>
      </c>
      <c r="BF74" s="19">
        <f>'[1]年齢別人口市区町村(日本人)'!V88</f>
        <v>1530</v>
      </c>
      <c r="BG74" s="19">
        <f>'[1]年齢別人口市区町村(外国人)'!V88</f>
        <v>7</v>
      </c>
      <c r="BH74" s="19">
        <f>'[1]年齢別人口市区町村(総数)'!V88</f>
        <v>1537</v>
      </c>
      <c r="BI74" s="19">
        <f>'[1]年齢別人口市区町村(日本人)'!W88</f>
        <v>639</v>
      </c>
      <c r="BJ74" s="19">
        <f>'[1]年齢別人口市区町村(外国人)'!W88</f>
        <v>4</v>
      </c>
      <c r="BK74" s="19">
        <f>'[1]年齢別人口市区町村(総数)'!W88</f>
        <v>643</v>
      </c>
      <c r="BL74" s="19">
        <f>'[1]年齢別人口市区町村(日本人)'!X88</f>
        <v>154</v>
      </c>
      <c r="BM74" s="19">
        <f>'[1]年齢別人口市区町村(外国人)'!X88</f>
        <v>1</v>
      </c>
      <c r="BN74" s="19">
        <f>'[1]年齢別人口市区町村(総数)'!X88</f>
        <v>155</v>
      </c>
      <c r="BO74" s="19">
        <f>'[1]年齢別人口市区町村(日本人)'!Y88</f>
        <v>15</v>
      </c>
      <c r="BP74" s="19">
        <f>'[1]年齢別人口市区町村(外国人)'!Y88</f>
        <v>0</v>
      </c>
      <c r="BQ74" s="60">
        <f>'[1]年齢別人口市区町村(総数)'!Y88</f>
        <v>15</v>
      </c>
    </row>
    <row r="75" spans="1:69" x14ac:dyDescent="0.15">
      <c r="A75" s="31" t="s">
        <v>55</v>
      </c>
      <c r="B75" s="21" t="s">
        <v>31</v>
      </c>
      <c r="C75" s="46"/>
      <c r="D75" s="22">
        <f>'[1]年齢別人口市区町村(日本人)'!D89</f>
        <v>127848</v>
      </c>
      <c r="E75" s="23">
        <f>'[1]年齢別人口市区町村(外国人)'!D89</f>
        <v>4027</v>
      </c>
      <c r="F75" s="24">
        <f>'[1]年齢別人口市区町村(総数)'!D89</f>
        <v>131875</v>
      </c>
      <c r="G75" s="23">
        <f>'[1]年齢別人口市区町村(日本人)'!E89</f>
        <v>4781</v>
      </c>
      <c r="H75" s="23">
        <f>'[1]年齢別人口市区町村(外国人)'!E89</f>
        <v>87</v>
      </c>
      <c r="I75" s="24">
        <f>'[1]年齢別人口市区町村(総数)'!E89</f>
        <v>4868</v>
      </c>
      <c r="J75" s="23">
        <f>'[1]年齢別人口市区町村(日本人)'!F89</f>
        <v>5000</v>
      </c>
      <c r="K75" s="23">
        <f>'[1]年齢別人口市区町村(外国人)'!F89</f>
        <v>77</v>
      </c>
      <c r="L75" s="24">
        <f>'[1]年齢別人口市区町村(総数)'!F89</f>
        <v>5077</v>
      </c>
      <c r="M75" s="23">
        <f>'[1]年齢別人口市区町村(日本人)'!G89</f>
        <v>5199</v>
      </c>
      <c r="N75" s="23">
        <f>'[1]年齢別人口市区町村(外国人)'!G89</f>
        <v>74</v>
      </c>
      <c r="O75" s="24">
        <f>'[1]年齢別人口市区町村(総数)'!G89</f>
        <v>5273</v>
      </c>
      <c r="P75" s="23">
        <f>'[1]年齢別人口市区町村(日本人)'!H89</f>
        <v>4929</v>
      </c>
      <c r="Q75" s="23">
        <f>'[1]年齢別人口市区町村(外国人)'!H89</f>
        <v>122</v>
      </c>
      <c r="R75" s="24">
        <f>'[1]年齢別人口市区町村(総数)'!H89</f>
        <v>5051</v>
      </c>
      <c r="S75" s="23">
        <f>'[1]年齢別人口市区町村(日本人)'!I89</f>
        <v>7191</v>
      </c>
      <c r="T75" s="23">
        <f>'[1]年齢別人口市区町村(外国人)'!I89</f>
        <v>419</v>
      </c>
      <c r="U75" s="24">
        <f>'[1]年齢別人口市区町村(総数)'!I89</f>
        <v>7610</v>
      </c>
      <c r="V75" s="23">
        <f>'[1]年齢別人口市区町村(日本人)'!J89</f>
        <v>12167</v>
      </c>
      <c r="W75" s="23">
        <f>'[1]年齢別人口市区町村(外国人)'!J89</f>
        <v>774</v>
      </c>
      <c r="X75" s="24">
        <f>'[1]年齢別人口市区町村(総数)'!J89</f>
        <v>12941</v>
      </c>
      <c r="Y75" s="23">
        <f>'[1]年齢別人口市区町村(日本人)'!K89</f>
        <v>10642</v>
      </c>
      <c r="Z75" s="23">
        <f>'[1]年齢別人口市区町村(外国人)'!K89</f>
        <v>688</v>
      </c>
      <c r="AA75" s="24">
        <f>'[1]年齢別人口市区町村(総数)'!K89</f>
        <v>11330</v>
      </c>
      <c r="AB75" s="23">
        <f>'[1]年齢別人口市区町村(日本人)'!L89</f>
        <v>9104</v>
      </c>
      <c r="AC75" s="23">
        <f>'[1]年齢別人口市区町村(外国人)'!L89</f>
        <v>487</v>
      </c>
      <c r="AD75" s="24">
        <f>'[1]年齢別人口市区町村(総数)'!L89</f>
        <v>9591</v>
      </c>
      <c r="AE75" s="23">
        <f>'[1]年齢別人口市区町村(日本人)'!M89</f>
        <v>9368</v>
      </c>
      <c r="AF75" s="23">
        <f>'[1]年齢別人口市区町村(外国人)'!M89</f>
        <v>320</v>
      </c>
      <c r="AG75" s="24">
        <f>'[1]年齢別人口市区町村(総数)'!M89</f>
        <v>9688</v>
      </c>
      <c r="AH75" s="23">
        <f>'[1]年齢別人口市区町村(日本人)'!N89</f>
        <v>9868</v>
      </c>
      <c r="AI75" s="23">
        <f>'[1]年齢別人口市区町村(外国人)'!N89</f>
        <v>253</v>
      </c>
      <c r="AJ75" s="24">
        <f>'[1]年齢別人口市区町村(総数)'!N89</f>
        <v>10121</v>
      </c>
      <c r="AK75" s="23">
        <f>'[1]年齢別人口市区町村(日本人)'!O89</f>
        <v>10696</v>
      </c>
      <c r="AL75" s="23">
        <f>'[1]年齢別人口市区町村(外国人)'!O89</f>
        <v>214</v>
      </c>
      <c r="AM75" s="24">
        <f>'[1]年齢別人口市区町村(総数)'!O89</f>
        <v>10910</v>
      </c>
      <c r="AN75" s="23">
        <f>'[1]年齢別人口市区町村(日本人)'!P89</f>
        <v>8847</v>
      </c>
      <c r="AO75" s="23">
        <f>'[1]年齢別人口市区町村(外国人)'!P89</f>
        <v>153</v>
      </c>
      <c r="AP75" s="24">
        <f>'[1]年齢別人口市区町村(総数)'!P89</f>
        <v>9000</v>
      </c>
      <c r="AQ75" s="23">
        <f>'[1]年齢別人口市区町村(日本人)'!Q89</f>
        <v>6859</v>
      </c>
      <c r="AR75" s="23">
        <f>'[1]年齢別人口市区町村(外国人)'!Q89</f>
        <v>154</v>
      </c>
      <c r="AS75" s="24">
        <f>'[1]年齢別人口市区町村(総数)'!Q89</f>
        <v>7013</v>
      </c>
      <c r="AT75" s="23">
        <f>'[1]年齢別人口市区町村(日本人)'!R89</f>
        <v>4874</v>
      </c>
      <c r="AU75" s="23">
        <f>'[1]年齢別人口市区町村(外国人)'!R89</f>
        <v>85</v>
      </c>
      <c r="AV75" s="24">
        <f>'[1]年齢別人口市区町村(総数)'!R89</f>
        <v>4959</v>
      </c>
      <c r="AW75" s="23">
        <f>'[1]年齢別人口市区町村(日本人)'!S89</f>
        <v>4453</v>
      </c>
      <c r="AX75" s="23">
        <f>'[1]年齢別人口市区町村(外国人)'!S89</f>
        <v>41</v>
      </c>
      <c r="AY75" s="24">
        <f>'[1]年齢別人口市区町村(総数)'!S89</f>
        <v>4494</v>
      </c>
      <c r="AZ75" s="23">
        <f>'[1]年齢別人口市区町村(日本人)'!T89</f>
        <v>4964</v>
      </c>
      <c r="BA75" s="23">
        <f>'[1]年齢別人口市区町村(外国人)'!T89</f>
        <v>34</v>
      </c>
      <c r="BB75" s="24">
        <f>'[1]年齢別人口市区町村(総数)'!T89</f>
        <v>4998</v>
      </c>
      <c r="BC75" s="23">
        <f>'[1]年齢別人口市区町村(日本人)'!U89</f>
        <v>3703</v>
      </c>
      <c r="BD75" s="23">
        <f>'[1]年齢別人口市区町村(外国人)'!U89</f>
        <v>26</v>
      </c>
      <c r="BE75" s="24">
        <f>'[1]年齢別人口市区町村(総数)'!U89</f>
        <v>3729</v>
      </c>
      <c r="BF75" s="23">
        <f>'[1]年齢別人口市区町村(日本人)'!V89</f>
        <v>2775</v>
      </c>
      <c r="BG75" s="23">
        <f>'[1]年齢別人口市区町村(外国人)'!V89</f>
        <v>12</v>
      </c>
      <c r="BH75" s="24">
        <f>'[1]年齢別人口市区町村(総数)'!V89</f>
        <v>2787</v>
      </c>
      <c r="BI75" s="23">
        <f>'[1]年齢別人口市区町村(日本人)'!W89</f>
        <v>1706</v>
      </c>
      <c r="BJ75" s="23">
        <f>'[1]年齢別人口市区町村(外国人)'!W89</f>
        <v>4</v>
      </c>
      <c r="BK75" s="24">
        <f>'[1]年齢別人口市区町村(総数)'!W89</f>
        <v>1710</v>
      </c>
      <c r="BL75" s="23">
        <f>'[1]年齢別人口市区町村(日本人)'!X89</f>
        <v>624</v>
      </c>
      <c r="BM75" s="23">
        <f>'[1]年齢別人口市区町村(外国人)'!X89</f>
        <v>3</v>
      </c>
      <c r="BN75" s="24">
        <f>'[1]年齢別人口市区町村(総数)'!X89</f>
        <v>627</v>
      </c>
      <c r="BO75" s="23">
        <f>'[1]年齢別人口市区町村(日本人)'!Y89</f>
        <v>98</v>
      </c>
      <c r="BP75" s="23">
        <f>'[1]年齢別人口市区町村(外国人)'!Y89</f>
        <v>0</v>
      </c>
      <c r="BQ75" s="61">
        <f>'[1]年齢別人口市区町村(総数)'!Y89</f>
        <v>98</v>
      </c>
    </row>
    <row r="76" spans="1:69" ht="15" thickBot="1" x14ac:dyDescent="0.2">
      <c r="A76" s="32"/>
      <c r="B76" s="25" t="s">
        <v>32</v>
      </c>
      <c r="C76" s="47"/>
      <c r="D76" s="26">
        <f>'[1]年齢別人口市区町村(日本人)'!D87</f>
        <v>257617</v>
      </c>
      <c r="E76" s="27">
        <f>'[1]年齢別人口市区町村(外国人)'!D87</f>
        <v>7930</v>
      </c>
      <c r="F76" s="28">
        <f>'[1]年齢別人口市区町村(総数)'!D87</f>
        <v>265547</v>
      </c>
      <c r="G76" s="27">
        <f>'[1]年齢別人口市区町村(日本人)'!E87</f>
        <v>9715</v>
      </c>
      <c r="H76" s="27">
        <f>'[1]年齢別人口市区町村(外国人)'!E87</f>
        <v>192</v>
      </c>
      <c r="I76" s="28">
        <f>'[1]年齢別人口市区町村(総数)'!E87</f>
        <v>9907</v>
      </c>
      <c r="J76" s="27">
        <f>'[1]年齢別人口市区町村(日本人)'!F87</f>
        <v>10249</v>
      </c>
      <c r="K76" s="27">
        <f>'[1]年齢別人口市区町村(外国人)'!F87</f>
        <v>169</v>
      </c>
      <c r="L76" s="28">
        <f>'[1]年齢別人口市区町村(総数)'!F87</f>
        <v>10418</v>
      </c>
      <c r="M76" s="27">
        <f>'[1]年齢別人口市区町村(日本人)'!G87</f>
        <v>10746</v>
      </c>
      <c r="N76" s="27">
        <f>'[1]年齢別人口市区町村(外国人)'!G87</f>
        <v>140</v>
      </c>
      <c r="O76" s="28">
        <f>'[1]年齢別人口市区町村(総数)'!G87</f>
        <v>10886</v>
      </c>
      <c r="P76" s="27">
        <f>'[1]年齢別人口市区町村(日本人)'!H87</f>
        <v>10225</v>
      </c>
      <c r="Q76" s="27">
        <f>'[1]年齢別人口市区町村(外国人)'!H87</f>
        <v>226</v>
      </c>
      <c r="R76" s="28">
        <f>'[1]年齢別人口市区町村(総数)'!H87</f>
        <v>10451</v>
      </c>
      <c r="S76" s="27">
        <f>'[1]年齢別人口市区町村(日本人)'!I87</f>
        <v>14841</v>
      </c>
      <c r="T76" s="27">
        <f>'[1]年齢別人口市区町村(外国人)'!I87</f>
        <v>801</v>
      </c>
      <c r="U76" s="28">
        <f>'[1]年齢別人口市区町村(総数)'!I87</f>
        <v>15642</v>
      </c>
      <c r="V76" s="27">
        <f>'[1]年齢別人口市区町村(日本人)'!J87</f>
        <v>25193</v>
      </c>
      <c r="W76" s="27">
        <f>'[1]年齢別人口市区町村(外国人)'!J87</f>
        <v>1520</v>
      </c>
      <c r="X76" s="28">
        <f>'[1]年齢別人口市区町村(総数)'!J87</f>
        <v>26713</v>
      </c>
      <c r="Y76" s="27">
        <f>'[1]年齢別人口市区町村(日本人)'!K87</f>
        <v>21649</v>
      </c>
      <c r="Z76" s="27">
        <f>'[1]年齢別人口市区町村(外国人)'!K87</f>
        <v>1434</v>
      </c>
      <c r="AA76" s="28">
        <f>'[1]年齢別人口市区町村(総数)'!K87</f>
        <v>23083</v>
      </c>
      <c r="AB76" s="27">
        <f>'[1]年齢別人口市区町村(日本人)'!L87</f>
        <v>18420</v>
      </c>
      <c r="AC76" s="27">
        <f>'[1]年齢別人口市区町村(外国人)'!L87</f>
        <v>1008</v>
      </c>
      <c r="AD76" s="28">
        <f>'[1]年齢別人口市区町村(総数)'!L87</f>
        <v>19428</v>
      </c>
      <c r="AE76" s="27">
        <f>'[1]年齢別人口市区町村(日本人)'!M87</f>
        <v>19325</v>
      </c>
      <c r="AF76" s="27">
        <f>'[1]年齢別人口市区町村(外国人)'!M87</f>
        <v>693</v>
      </c>
      <c r="AG76" s="28">
        <f>'[1]年齢別人口市区町村(総数)'!M87</f>
        <v>20018</v>
      </c>
      <c r="AH76" s="27">
        <f>'[1]年齢別人口市区町村(日本人)'!N87</f>
        <v>20113</v>
      </c>
      <c r="AI76" s="27">
        <f>'[1]年齢別人口市区町村(外国人)'!N87</f>
        <v>500</v>
      </c>
      <c r="AJ76" s="28">
        <f>'[1]年齢別人口市区町村(総数)'!N87</f>
        <v>20613</v>
      </c>
      <c r="AK76" s="27">
        <f>'[1]年齢別人口市区町村(日本人)'!O87</f>
        <v>21839</v>
      </c>
      <c r="AL76" s="27">
        <f>'[1]年齢別人口市区町村(外国人)'!O87</f>
        <v>357</v>
      </c>
      <c r="AM76" s="28">
        <f>'[1]年齢別人口市区町村(総数)'!O87</f>
        <v>22196</v>
      </c>
      <c r="AN76" s="27">
        <f>'[1]年齢別人口市区町村(日本人)'!P87</f>
        <v>18681</v>
      </c>
      <c r="AO76" s="27">
        <f>'[1]年齢別人口市区町村(外国人)'!P87</f>
        <v>273</v>
      </c>
      <c r="AP76" s="28">
        <f>'[1]年齢別人口市区町村(総数)'!P87</f>
        <v>18954</v>
      </c>
      <c r="AQ76" s="27">
        <f>'[1]年齢別人口市区町村(日本人)'!Q87</f>
        <v>14350</v>
      </c>
      <c r="AR76" s="27">
        <f>'[1]年齢別人口市区町村(外国人)'!Q87</f>
        <v>257</v>
      </c>
      <c r="AS76" s="28">
        <f>'[1]年齢別人口市区町村(総数)'!Q87</f>
        <v>14607</v>
      </c>
      <c r="AT76" s="27">
        <f>'[1]年齢別人口市区町村(日本人)'!R87</f>
        <v>10267</v>
      </c>
      <c r="AU76" s="27">
        <f>'[1]年齢別人口市区町村(外国人)'!R87</f>
        <v>147</v>
      </c>
      <c r="AV76" s="28">
        <f>'[1]年齢別人口市区町村(総数)'!R87</f>
        <v>10414</v>
      </c>
      <c r="AW76" s="27">
        <f>'[1]年齢別人口市区町村(日本人)'!S87</f>
        <v>8754</v>
      </c>
      <c r="AX76" s="27">
        <f>'[1]年齢別人口市区町村(外国人)'!S87</f>
        <v>77</v>
      </c>
      <c r="AY76" s="28">
        <f>'[1]年齢別人口市区町村(総数)'!S87</f>
        <v>8831</v>
      </c>
      <c r="AZ76" s="27">
        <f>'[1]年齢別人口市区町村(日本人)'!T87</f>
        <v>9270</v>
      </c>
      <c r="BA76" s="27">
        <f>'[1]年齢別人口市区町村(外国人)'!T87</f>
        <v>68</v>
      </c>
      <c r="BB76" s="28">
        <f>'[1]年齢別人口市区町村(総数)'!T87</f>
        <v>9338</v>
      </c>
      <c r="BC76" s="27">
        <f>'[1]年齢別人口市区町村(日本人)'!U87</f>
        <v>6439</v>
      </c>
      <c r="BD76" s="27">
        <f>'[1]年齢別人口市区町村(外国人)'!U87</f>
        <v>37</v>
      </c>
      <c r="BE76" s="28">
        <f>'[1]年齢別人口市区町村(総数)'!U87</f>
        <v>6476</v>
      </c>
      <c r="BF76" s="27">
        <f>'[1]年齢別人口市区町村(日本人)'!V87</f>
        <v>4305</v>
      </c>
      <c r="BG76" s="27">
        <f>'[1]年齢別人口市区町村(外国人)'!V87</f>
        <v>19</v>
      </c>
      <c r="BH76" s="28">
        <f>'[1]年齢別人口市区町村(総数)'!V87</f>
        <v>4324</v>
      </c>
      <c r="BI76" s="27">
        <f>'[1]年齢別人口市区町村(日本人)'!W87</f>
        <v>2345</v>
      </c>
      <c r="BJ76" s="27">
        <f>'[1]年齢別人口市区町村(外国人)'!W87</f>
        <v>8</v>
      </c>
      <c r="BK76" s="28">
        <f>'[1]年齢別人口市区町村(総数)'!W87</f>
        <v>2353</v>
      </c>
      <c r="BL76" s="27">
        <f>'[1]年齢別人口市区町村(日本人)'!X87</f>
        <v>778</v>
      </c>
      <c r="BM76" s="27">
        <f>'[1]年齢別人口市区町村(外国人)'!X87</f>
        <v>4</v>
      </c>
      <c r="BN76" s="28">
        <f>'[1]年齢別人口市区町村(総数)'!X87</f>
        <v>782</v>
      </c>
      <c r="BO76" s="27">
        <f>'[1]年齢別人口市区町村(日本人)'!Y87</f>
        <v>113</v>
      </c>
      <c r="BP76" s="27">
        <f>'[1]年齢別人口市区町村(外国人)'!Y87</f>
        <v>0</v>
      </c>
      <c r="BQ76" s="62">
        <f>'[1]年齢別人口市区町村(総数)'!Y87</f>
        <v>113</v>
      </c>
    </row>
    <row r="77" spans="1:69" x14ac:dyDescent="0.15">
      <c r="A77" s="31"/>
      <c r="B77" s="17" t="s">
        <v>29</v>
      </c>
      <c r="C77" s="45">
        <v>141348</v>
      </c>
      <c r="D77" s="18">
        <f>'[1]年齢別人口市区町村(日本人)'!D91</f>
        <v>112616</v>
      </c>
      <c r="E77" s="19">
        <f>'[1]年齢別人口市区町村(外国人)'!D91</f>
        <v>3629</v>
      </c>
      <c r="F77" s="19">
        <f>'[1]年齢別人口市区町村(総数)'!D91</f>
        <v>116245</v>
      </c>
      <c r="G77" s="19">
        <f>'[1]年齢別人口市区町村(日本人)'!E91</f>
        <v>3817</v>
      </c>
      <c r="H77" s="19">
        <f>'[1]年齢別人口市区町村(外国人)'!E91</f>
        <v>86</v>
      </c>
      <c r="I77" s="19">
        <f>'[1]年齢別人口市区町村(総数)'!E91</f>
        <v>3903</v>
      </c>
      <c r="J77" s="19">
        <f>'[1]年齢別人口市区町村(日本人)'!F91</f>
        <v>4354</v>
      </c>
      <c r="K77" s="19">
        <f>'[1]年齢別人口市区町村(外国人)'!F91</f>
        <v>85</v>
      </c>
      <c r="L77" s="19">
        <f>'[1]年齢別人口市区町村(総数)'!F91</f>
        <v>4439</v>
      </c>
      <c r="M77" s="19">
        <f>'[1]年齢別人口市区町村(日本人)'!G91</f>
        <v>4845</v>
      </c>
      <c r="N77" s="19">
        <f>'[1]年齢別人口市区町村(外国人)'!G91</f>
        <v>80</v>
      </c>
      <c r="O77" s="19">
        <f>'[1]年齢別人口市区町村(総数)'!G91</f>
        <v>4925</v>
      </c>
      <c r="P77" s="19">
        <f>'[1]年齢別人口市区町村(日本人)'!H91</f>
        <v>5066</v>
      </c>
      <c r="Q77" s="19">
        <f>'[1]年齢別人口市区町村(外国人)'!H91</f>
        <v>84</v>
      </c>
      <c r="R77" s="19">
        <f>'[1]年齢別人口市区町村(総数)'!H91</f>
        <v>5150</v>
      </c>
      <c r="S77" s="19">
        <f>'[1]年齢別人口市区町村(日本人)'!I91</f>
        <v>6425</v>
      </c>
      <c r="T77" s="19">
        <f>'[1]年齢別人口市区町村(外国人)'!I91</f>
        <v>472</v>
      </c>
      <c r="U77" s="19">
        <f>'[1]年齢別人口市区町村(総数)'!I91</f>
        <v>6897</v>
      </c>
      <c r="V77" s="19">
        <f>'[1]年齢別人口市区町村(日本人)'!J91</f>
        <v>9051</v>
      </c>
      <c r="W77" s="19">
        <f>'[1]年齢別人口市区町村(外国人)'!J91</f>
        <v>751</v>
      </c>
      <c r="X77" s="19">
        <f>'[1]年齢別人口市区町村(総数)'!J91</f>
        <v>9802</v>
      </c>
      <c r="Y77" s="19">
        <f>'[1]年齢別人口市区町村(日本人)'!K91</f>
        <v>8118</v>
      </c>
      <c r="Z77" s="19">
        <f>'[1]年齢別人口市区町村(外国人)'!K91</f>
        <v>687</v>
      </c>
      <c r="AA77" s="19">
        <f>'[1]年齢別人口市区町村(総数)'!K91</f>
        <v>8805</v>
      </c>
      <c r="AB77" s="19">
        <f>'[1]年齢別人口市区町村(日本人)'!L91</f>
        <v>7401</v>
      </c>
      <c r="AC77" s="19">
        <f>'[1]年齢別人口市区町村(外国人)'!L91</f>
        <v>429</v>
      </c>
      <c r="AD77" s="19">
        <f>'[1]年齢別人口市区町村(総数)'!L91</f>
        <v>7830</v>
      </c>
      <c r="AE77" s="19">
        <f>'[1]年齢別人口市区町村(日本人)'!M91</f>
        <v>8231</v>
      </c>
      <c r="AF77" s="19">
        <f>'[1]年齢別人口市区町村(外国人)'!M91</f>
        <v>273</v>
      </c>
      <c r="AG77" s="19">
        <f>'[1]年齢別人口市区町村(総数)'!M91</f>
        <v>8504</v>
      </c>
      <c r="AH77" s="19">
        <f>'[1]年齢別人口市区町村(日本人)'!N91</f>
        <v>8860</v>
      </c>
      <c r="AI77" s="19">
        <f>'[1]年齢別人口市区町村(外国人)'!N91</f>
        <v>206</v>
      </c>
      <c r="AJ77" s="19">
        <f>'[1]年齢別人口市区町村(総数)'!N91</f>
        <v>9066</v>
      </c>
      <c r="AK77" s="19">
        <f>'[1]年齢別人口市区町村(日本人)'!O91</f>
        <v>10211</v>
      </c>
      <c r="AL77" s="19">
        <f>'[1]年齢別人口市区町村(外国人)'!O91</f>
        <v>136</v>
      </c>
      <c r="AM77" s="19">
        <f>'[1]年齢別人口市区町村(総数)'!O91</f>
        <v>10347</v>
      </c>
      <c r="AN77" s="19">
        <f>'[1]年齢別人口市区町村(日本人)'!P91</f>
        <v>9260</v>
      </c>
      <c r="AO77" s="19">
        <f>'[1]年齢別人口市区町村(外国人)'!P91</f>
        <v>115</v>
      </c>
      <c r="AP77" s="19">
        <f>'[1]年齢別人口市区町村(総数)'!P91</f>
        <v>9375</v>
      </c>
      <c r="AQ77" s="19">
        <f>'[1]年齢別人口市区町村(日本人)'!Q91</f>
        <v>7217</v>
      </c>
      <c r="AR77" s="19">
        <f>'[1]年齢別人口市区町村(外国人)'!Q91</f>
        <v>85</v>
      </c>
      <c r="AS77" s="19">
        <f>'[1]年齢別人口市区町村(総数)'!Q91</f>
        <v>7302</v>
      </c>
      <c r="AT77" s="19">
        <f>'[1]年齢別人口市区町村(日本人)'!R91</f>
        <v>4908</v>
      </c>
      <c r="AU77" s="19">
        <f>'[1]年齢別人口市区町村(外国人)'!R91</f>
        <v>47</v>
      </c>
      <c r="AV77" s="19">
        <f>'[1]年齢別人口市区町村(総数)'!R91</f>
        <v>4955</v>
      </c>
      <c r="AW77" s="19">
        <f>'[1]年齢別人口市区町村(日本人)'!S91</f>
        <v>4462</v>
      </c>
      <c r="AX77" s="19">
        <f>'[1]年齢別人口市区町村(外国人)'!S91</f>
        <v>37</v>
      </c>
      <c r="AY77" s="19">
        <f>'[1]年齢別人口市区町村(総数)'!S91</f>
        <v>4499</v>
      </c>
      <c r="AZ77" s="19">
        <f>'[1]年齢別人口市区町村(日本人)'!T91</f>
        <v>4773</v>
      </c>
      <c r="BA77" s="19">
        <f>'[1]年齢別人口市区町村(外国人)'!T91</f>
        <v>33</v>
      </c>
      <c r="BB77" s="19">
        <f>'[1]年齢別人口市区町村(総数)'!T91</f>
        <v>4806</v>
      </c>
      <c r="BC77" s="19">
        <f>'[1]年齢別人口市区町村(日本人)'!U91</f>
        <v>3073</v>
      </c>
      <c r="BD77" s="19">
        <f>'[1]年齢別人口市区町村(外国人)'!U91</f>
        <v>16</v>
      </c>
      <c r="BE77" s="19">
        <f>'[1]年齢別人口市区町村(総数)'!U91</f>
        <v>3089</v>
      </c>
      <c r="BF77" s="19">
        <f>'[1]年齢別人口市区町村(日本人)'!V91</f>
        <v>1679</v>
      </c>
      <c r="BG77" s="19">
        <f>'[1]年齢別人口市区町村(外国人)'!V91</f>
        <v>4</v>
      </c>
      <c r="BH77" s="19">
        <f>'[1]年齢別人口市区町村(総数)'!V91</f>
        <v>1683</v>
      </c>
      <c r="BI77" s="19">
        <f>'[1]年齢別人口市区町村(日本人)'!W91</f>
        <v>703</v>
      </c>
      <c r="BJ77" s="19">
        <f>'[1]年齢別人口市区町村(外国人)'!W91</f>
        <v>2</v>
      </c>
      <c r="BK77" s="19">
        <f>'[1]年齢別人口市区町村(総数)'!W91</f>
        <v>705</v>
      </c>
      <c r="BL77" s="19">
        <f>'[1]年齢別人口市区町村(日本人)'!X91</f>
        <v>144</v>
      </c>
      <c r="BM77" s="19">
        <f>'[1]年齢別人口市区町村(外国人)'!X91</f>
        <v>1</v>
      </c>
      <c r="BN77" s="19">
        <f>'[1]年齢別人口市区町村(総数)'!X91</f>
        <v>145</v>
      </c>
      <c r="BO77" s="19">
        <f>'[1]年齢別人口市区町村(日本人)'!Y91</f>
        <v>18</v>
      </c>
      <c r="BP77" s="19">
        <f>'[1]年齢別人口市区町村(外国人)'!Y91</f>
        <v>0</v>
      </c>
      <c r="BQ77" s="60">
        <f>'[1]年齢別人口市区町村(総数)'!Y91</f>
        <v>18</v>
      </c>
    </row>
    <row r="78" spans="1:69" x14ac:dyDescent="0.15">
      <c r="A78" s="31" t="s">
        <v>56</v>
      </c>
      <c r="B78" s="21" t="s">
        <v>31</v>
      </c>
      <c r="C78" s="46"/>
      <c r="D78" s="22">
        <f>'[1]年齢別人口市区町村(日本人)'!D92</f>
        <v>113079</v>
      </c>
      <c r="E78" s="23">
        <f>'[1]年齢別人口市区町村(外国人)'!D92</f>
        <v>3440</v>
      </c>
      <c r="F78" s="24">
        <f>'[1]年齢別人口市区町村(総数)'!D92</f>
        <v>116519</v>
      </c>
      <c r="G78" s="23">
        <f>'[1]年齢別人口市区町村(日本人)'!E92</f>
        <v>3654</v>
      </c>
      <c r="H78" s="23">
        <f>'[1]年齢別人口市区町村(外国人)'!E92</f>
        <v>75</v>
      </c>
      <c r="I78" s="24">
        <f>'[1]年齢別人口市区町村(総数)'!E92</f>
        <v>3729</v>
      </c>
      <c r="J78" s="23">
        <f>'[1]年齢別人口市区町村(日本人)'!F92</f>
        <v>4321</v>
      </c>
      <c r="K78" s="23">
        <f>'[1]年齢別人口市区町村(外国人)'!F92</f>
        <v>87</v>
      </c>
      <c r="L78" s="24">
        <f>'[1]年齢別人口市区町村(総数)'!F92</f>
        <v>4408</v>
      </c>
      <c r="M78" s="23">
        <f>'[1]年齢別人口市区町村(日本人)'!G92</f>
        <v>4621</v>
      </c>
      <c r="N78" s="23">
        <f>'[1]年齢別人口市区町村(外国人)'!G92</f>
        <v>87</v>
      </c>
      <c r="O78" s="24">
        <f>'[1]年齢別人口市区町村(総数)'!G92</f>
        <v>4708</v>
      </c>
      <c r="P78" s="23">
        <f>'[1]年齢別人口市区町村(日本人)'!H92</f>
        <v>4775</v>
      </c>
      <c r="Q78" s="23">
        <f>'[1]年齢別人口市区町村(外国人)'!H92</f>
        <v>87</v>
      </c>
      <c r="R78" s="24">
        <f>'[1]年齢別人口市区町村(総数)'!H92</f>
        <v>4862</v>
      </c>
      <c r="S78" s="23">
        <f>'[1]年齢別人口市区町村(日本人)'!I92</f>
        <v>6233</v>
      </c>
      <c r="T78" s="23">
        <f>'[1]年齢別人口市区町村(外国人)'!I92</f>
        <v>385</v>
      </c>
      <c r="U78" s="24">
        <f>'[1]年齢別人口市区町村(総数)'!I92</f>
        <v>6618</v>
      </c>
      <c r="V78" s="23">
        <f>'[1]年齢別人口市区町村(日本人)'!J92</f>
        <v>8793</v>
      </c>
      <c r="W78" s="23">
        <f>'[1]年齢別人口市区町村(外国人)'!J92</f>
        <v>578</v>
      </c>
      <c r="X78" s="24">
        <f>'[1]年齢別人口市区町村(総数)'!J92</f>
        <v>9371</v>
      </c>
      <c r="Y78" s="23">
        <f>'[1]年齢別人口市区町村(日本人)'!K92</f>
        <v>7711</v>
      </c>
      <c r="Z78" s="23">
        <f>'[1]年齢別人口市区町村(外国人)'!K92</f>
        <v>503</v>
      </c>
      <c r="AA78" s="24">
        <f>'[1]年齢別人口市区町村(総数)'!K92</f>
        <v>8214</v>
      </c>
      <c r="AB78" s="23">
        <f>'[1]年齢別人口市区町村(日本人)'!L92</f>
        <v>7037</v>
      </c>
      <c r="AC78" s="23">
        <f>'[1]年齢別人口市区町村(外国人)'!L92</f>
        <v>386</v>
      </c>
      <c r="AD78" s="24">
        <f>'[1]年齢別人口市区町村(総数)'!L92</f>
        <v>7423</v>
      </c>
      <c r="AE78" s="23">
        <f>'[1]年齢別人口市区町村(日本人)'!M92</f>
        <v>7709</v>
      </c>
      <c r="AF78" s="23">
        <f>'[1]年齢別人口市区町村(外国人)'!M92</f>
        <v>272</v>
      </c>
      <c r="AG78" s="24">
        <f>'[1]年齢別人口市区町村(総数)'!M92</f>
        <v>7981</v>
      </c>
      <c r="AH78" s="23">
        <f>'[1]年齢別人口市区町村(日本人)'!N92</f>
        <v>8596</v>
      </c>
      <c r="AI78" s="23">
        <f>'[1]年齢別人口市区町村(外国人)'!N92</f>
        <v>228</v>
      </c>
      <c r="AJ78" s="24">
        <f>'[1]年齢別人口市区町村(総数)'!N92</f>
        <v>8824</v>
      </c>
      <c r="AK78" s="23">
        <f>'[1]年齢別人口市区町村(日本人)'!O92</f>
        <v>9693</v>
      </c>
      <c r="AL78" s="23">
        <f>'[1]年齢別人口市区町村(外国人)'!O92</f>
        <v>196</v>
      </c>
      <c r="AM78" s="24">
        <f>'[1]年齢別人口市区町村(総数)'!O92</f>
        <v>9889</v>
      </c>
      <c r="AN78" s="23">
        <f>'[1]年齢別人口市区町村(日本人)'!P92</f>
        <v>8387</v>
      </c>
      <c r="AO78" s="23">
        <f>'[1]年齢別人口市区町村(外国人)'!P92</f>
        <v>189</v>
      </c>
      <c r="AP78" s="24">
        <f>'[1]年齢別人口市区町村(総数)'!P92</f>
        <v>8576</v>
      </c>
      <c r="AQ78" s="23">
        <f>'[1]年齢別人口市区町村(日本人)'!Q92</f>
        <v>6500</v>
      </c>
      <c r="AR78" s="23">
        <f>'[1]年齢別人口市区町村(外国人)'!Q92</f>
        <v>137</v>
      </c>
      <c r="AS78" s="24">
        <f>'[1]年齢別人口市区町村(総数)'!Q92</f>
        <v>6637</v>
      </c>
      <c r="AT78" s="23">
        <f>'[1]年齢別人口市区町村(日本人)'!R92</f>
        <v>4772</v>
      </c>
      <c r="AU78" s="23">
        <f>'[1]年齢別人口市区町村(外国人)'!R92</f>
        <v>101</v>
      </c>
      <c r="AV78" s="24">
        <f>'[1]年齢別人口市区町村(総数)'!R92</f>
        <v>4873</v>
      </c>
      <c r="AW78" s="23">
        <f>'[1]年齢別人口市区町村(日本人)'!S92</f>
        <v>4960</v>
      </c>
      <c r="AX78" s="23">
        <f>'[1]年齢別人口市区町村(外国人)'!S92</f>
        <v>54</v>
      </c>
      <c r="AY78" s="24">
        <f>'[1]年齢別人口市区町村(総数)'!S92</f>
        <v>5014</v>
      </c>
      <c r="AZ78" s="23">
        <f>'[1]年齢別人口市区町村(日本人)'!T92</f>
        <v>5649</v>
      </c>
      <c r="BA78" s="23">
        <f>'[1]年齢別人口市区町村(外国人)'!T92</f>
        <v>34</v>
      </c>
      <c r="BB78" s="24">
        <f>'[1]年齢別人口市区町村(総数)'!T92</f>
        <v>5683</v>
      </c>
      <c r="BC78" s="23">
        <f>'[1]年齢別人口市区町村(日本人)'!U92</f>
        <v>4309</v>
      </c>
      <c r="BD78" s="23">
        <f>'[1]年齢別人口市区町村(外国人)'!U92</f>
        <v>20</v>
      </c>
      <c r="BE78" s="24">
        <f>'[1]年齢別人口市区町村(総数)'!U92</f>
        <v>4329</v>
      </c>
      <c r="BF78" s="23">
        <f>'[1]年齢別人口市区町村(日本人)'!V92</f>
        <v>3041</v>
      </c>
      <c r="BG78" s="23">
        <f>'[1]年齢別人口市区町村(外国人)'!V92</f>
        <v>11</v>
      </c>
      <c r="BH78" s="24">
        <f>'[1]年齢別人口市区町村(総数)'!V92</f>
        <v>3052</v>
      </c>
      <c r="BI78" s="23">
        <f>'[1]年齢別人口市区町村(日本人)'!W92</f>
        <v>1718</v>
      </c>
      <c r="BJ78" s="23">
        <f>'[1]年齢別人口市区町村(外国人)'!W92</f>
        <v>6</v>
      </c>
      <c r="BK78" s="24">
        <f>'[1]年齢別人口市区町村(総数)'!W92</f>
        <v>1724</v>
      </c>
      <c r="BL78" s="23">
        <f>'[1]年齢別人口市区町村(日本人)'!X92</f>
        <v>507</v>
      </c>
      <c r="BM78" s="23">
        <f>'[1]年齢別人口市区町村(外国人)'!X92</f>
        <v>3</v>
      </c>
      <c r="BN78" s="24">
        <f>'[1]年齢別人口市区町村(総数)'!X92</f>
        <v>510</v>
      </c>
      <c r="BO78" s="23">
        <f>'[1]年齢別人口市区町村(日本人)'!Y92</f>
        <v>93</v>
      </c>
      <c r="BP78" s="23">
        <f>'[1]年齢別人口市区町村(外国人)'!Y92</f>
        <v>1</v>
      </c>
      <c r="BQ78" s="61">
        <f>'[1]年齢別人口市区町村(総数)'!Y92</f>
        <v>94</v>
      </c>
    </row>
    <row r="79" spans="1:69" ht="15" thickBot="1" x14ac:dyDescent="0.2">
      <c r="A79" s="32"/>
      <c r="B79" s="25" t="s">
        <v>32</v>
      </c>
      <c r="C79" s="47"/>
      <c r="D79" s="26">
        <f>'[1]年齢別人口市区町村(日本人)'!D90</f>
        <v>225695</v>
      </c>
      <c r="E79" s="27">
        <f>'[1]年齢別人口市区町村(外国人)'!D90</f>
        <v>7069</v>
      </c>
      <c r="F79" s="28">
        <f>'[1]年齢別人口市区町村(総数)'!D90</f>
        <v>232764</v>
      </c>
      <c r="G79" s="27">
        <f>'[1]年齢別人口市区町村(日本人)'!E90</f>
        <v>7471</v>
      </c>
      <c r="H79" s="27">
        <f>'[1]年齢別人口市区町村(外国人)'!E90</f>
        <v>161</v>
      </c>
      <c r="I79" s="28">
        <f>'[1]年齢別人口市区町村(総数)'!E90</f>
        <v>7632</v>
      </c>
      <c r="J79" s="27">
        <f>'[1]年齢別人口市区町村(日本人)'!F90</f>
        <v>8675</v>
      </c>
      <c r="K79" s="27">
        <f>'[1]年齢別人口市区町村(外国人)'!F90</f>
        <v>172</v>
      </c>
      <c r="L79" s="28">
        <f>'[1]年齢別人口市区町村(総数)'!F90</f>
        <v>8847</v>
      </c>
      <c r="M79" s="27">
        <f>'[1]年齢別人口市区町村(日本人)'!G90</f>
        <v>9466</v>
      </c>
      <c r="N79" s="27">
        <f>'[1]年齢別人口市区町村(外国人)'!G90</f>
        <v>167</v>
      </c>
      <c r="O79" s="28">
        <f>'[1]年齢別人口市区町村(総数)'!G90</f>
        <v>9633</v>
      </c>
      <c r="P79" s="27">
        <f>'[1]年齢別人口市区町村(日本人)'!H90</f>
        <v>9841</v>
      </c>
      <c r="Q79" s="27">
        <f>'[1]年齢別人口市区町村(外国人)'!H90</f>
        <v>171</v>
      </c>
      <c r="R79" s="28">
        <f>'[1]年齢別人口市区町村(総数)'!H90</f>
        <v>10012</v>
      </c>
      <c r="S79" s="27">
        <f>'[1]年齢別人口市区町村(日本人)'!I90</f>
        <v>12658</v>
      </c>
      <c r="T79" s="27">
        <f>'[1]年齢別人口市区町村(外国人)'!I90</f>
        <v>857</v>
      </c>
      <c r="U79" s="28">
        <f>'[1]年齢別人口市区町村(総数)'!I90</f>
        <v>13515</v>
      </c>
      <c r="V79" s="27">
        <f>'[1]年齢別人口市区町村(日本人)'!J90</f>
        <v>17844</v>
      </c>
      <c r="W79" s="27">
        <f>'[1]年齢別人口市区町村(外国人)'!J90</f>
        <v>1329</v>
      </c>
      <c r="X79" s="28">
        <f>'[1]年齢別人口市区町村(総数)'!J90</f>
        <v>19173</v>
      </c>
      <c r="Y79" s="27">
        <f>'[1]年齢別人口市区町村(日本人)'!K90</f>
        <v>15829</v>
      </c>
      <c r="Z79" s="27">
        <f>'[1]年齢別人口市区町村(外国人)'!K90</f>
        <v>1190</v>
      </c>
      <c r="AA79" s="28">
        <f>'[1]年齢別人口市区町村(総数)'!K90</f>
        <v>17019</v>
      </c>
      <c r="AB79" s="27">
        <f>'[1]年齢別人口市区町村(日本人)'!L90</f>
        <v>14438</v>
      </c>
      <c r="AC79" s="27">
        <f>'[1]年齢別人口市区町村(外国人)'!L90</f>
        <v>815</v>
      </c>
      <c r="AD79" s="28">
        <f>'[1]年齢別人口市区町村(総数)'!L90</f>
        <v>15253</v>
      </c>
      <c r="AE79" s="27">
        <f>'[1]年齢別人口市区町村(日本人)'!M90</f>
        <v>15940</v>
      </c>
      <c r="AF79" s="27">
        <f>'[1]年齢別人口市区町村(外国人)'!M90</f>
        <v>545</v>
      </c>
      <c r="AG79" s="28">
        <f>'[1]年齢別人口市区町村(総数)'!M90</f>
        <v>16485</v>
      </c>
      <c r="AH79" s="27">
        <f>'[1]年齢別人口市区町村(日本人)'!N90</f>
        <v>17456</v>
      </c>
      <c r="AI79" s="27">
        <f>'[1]年齢別人口市区町村(外国人)'!N90</f>
        <v>434</v>
      </c>
      <c r="AJ79" s="28">
        <f>'[1]年齢別人口市区町村(総数)'!N90</f>
        <v>17890</v>
      </c>
      <c r="AK79" s="27">
        <f>'[1]年齢別人口市区町村(日本人)'!O90</f>
        <v>19904</v>
      </c>
      <c r="AL79" s="27">
        <f>'[1]年齢別人口市区町村(外国人)'!O90</f>
        <v>332</v>
      </c>
      <c r="AM79" s="28">
        <f>'[1]年齢別人口市区町村(総数)'!O90</f>
        <v>20236</v>
      </c>
      <c r="AN79" s="27">
        <f>'[1]年齢別人口市区町村(日本人)'!P90</f>
        <v>17647</v>
      </c>
      <c r="AO79" s="27">
        <f>'[1]年齢別人口市区町村(外国人)'!P90</f>
        <v>304</v>
      </c>
      <c r="AP79" s="28">
        <f>'[1]年齢別人口市区町村(総数)'!P90</f>
        <v>17951</v>
      </c>
      <c r="AQ79" s="27">
        <f>'[1]年齢別人口市区町村(日本人)'!Q90</f>
        <v>13717</v>
      </c>
      <c r="AR79" s="27">
        <f>'[1]年齢別人口市区町村(外国人)'!Q90</f>
        <v>222</v>
      </c>
      <c r="AS79" s="28">
        <f>'[1]年齢別人口市区町村(総数)'!Q90</f>
        <v>13939</v>
      </c>
      <c r="AT79" s="27">
        <f>'[1]年齢別人口市区町村(日本人)'!R90</f>
        <v>9680</v>
      </c>
      <c r="AU79" s="27">
        <f>'[1]年齢別人口市区町村(外国人)'!R90</f>
        <v>148</v>
      </c>
      <c r="AV79" s="28">
        <f>'[1]年齢別人口市区町村(総数)'!R90</f>
        <v>9828</v>
      </c>
      <c r="AW79" s="27">
        <f>'[1]年齢別人口市区町村(日本人)'!S90</f>
        <v>9422</v>
      </c>
      <c r="AX79" s="27">
        <f>'[1]年齢別人口市区町村(外国人)'!S90</f>
        <v>91</v>
      </c>
      <c r="AY79" s="28">
        <f>'[1]年齢別人口市区町村(総数)'!S90</f>
        <v>9513</v>
      </c>
      <c r="AZ79" s="27">
        <f>'[1]年齢別人口市区町村(日本人)'!T90</f>
        <v>10422</v>
      </c>
      <c r="BA79" s="27">
        <f>'[1]年齢別人口市区町村(外国人)'!T90</f>
        <v>67</v>
      </c>
      <c r="BB79" s="28">
        <f>'[1]年齢別人口市区町村(総数)'!T90</f>
        <v>10489</v>
      </c>
      <c r="BC79" s="27">
        <f>'[1]年齢別人口市区町村(日本人)'!U90</f>
        <v>7382</v>
      </c>
      <c r="BD79" s="27">
        <f>'[1]年齢別人口市区町村(外国人)'!U90</f>
        <v>36</v>
      </c>
      <c r="BE79" s="28">
        <f>'[1]年齢別人口市区町村(総数)'!U90</f>
        <v>7418</v>
      </c>
      <c r="BF79" s="27">
        <f>'[1]年齢別人口市区町村(日本人)'!V90</f>
        <v>4720</v>
      </c>
      <c r="BG79" s="27">
        <f>'[1]年齢別人口市区町村(外国人)'!V90</f>
        <v>15</v>
      </c>
      <c r="BH79" s="28">
        <f>'[1]年齢別人口市区町村(総数)'!V90</f>
        <v>4735</v>
      </c>
      <c r="BI79" s="27">
        <f>'[1]年齢別人口市区町村(日本人)'!W90</f>
        <v>2421</v>
      </c>
      <c r="BJ79" s="27">
        <f>'[1]年齢別人口市区町村(外国人)'!W90</f>
        <v>8</v>
      </c>
      <c r="BK79" s="28">
        <f>'[1]年齢別人口市区町村(総数)'!W90</f>
        <v>2429</v>
      </c>
      <c r="BL79" s="27">
        <f>'[1]年齢別人口市区町村(日本人)'!X90</f>
        <v>651</v>
      </c>
      <c r="BM79" s="27">
        <f>'[1]年齢別人口市区町村(外国人)'!X90</f>
        <v>4</v>
      </c>
      <c r="BN79" s="28">
        <f>'[1]年齢別人口市区町村(総数)'!X90</f>
        <v>655</v>
      </c>
      <c r="BO79" s="27">
        <f>'[1]年齢別人口市区町村(日本人)'!Y90</f>
        <v>111</v>
      </c>
      <c r="BP79" s="27">
        <f>'[1]年齢別人口市区町村(外国人)'!Y90</f>
        <v>1</v>
      </c>
      <c r="BQ79" s="62">
        <f>'[1]年齢別人口市区町村(総数)'!Y90</f>
        <v>112</v>
      </c>
    </row>
    <row r="80" spans="1:69" x14ac:dyDescent="0.15">
      <c r="A80" s="31"/>
      <c r="B80" s="17" t="s">
        <v>29</v>
      </c>
      <c r="C80" s="45">
        <v>141356</v>
      </c>
      <c r="D80" s="18">
        <f>'[1]年齢別人口市区町村(日本人)'!D94</f>
        <v>108310</v>
      </c>
      <c r="E80" s="19">
        <f>'[1]年齢別人口市区町村(外国人)'!D94</f>
        <v>3712</v>
      </c>
      <c r="F80" s="19">
        <f>'[1]年齢別人口市区町村(総数)'!D94</f>
        <v>112022</v>
      </c>
      <c r="G80" s="19">
        <f>'[1]年齢別人口市区町村(日本人)'!E94</f>
        <v>3733</v>
      </c>
      <c r="H80" s="19">
        <f>'[1]年齢別人口市区町村(外国人)'!E94</f>
        <v>100</v>
      </c>
      <c r="I80" s="19">
        <f>'[1]年齢別人口市区町村(総数)'!E94</f>
        <v>3833</v>
      </c>
      <c r="J80" s="19">
        <f>'[1]年齢別人口市区町村(日本人)'!F94</f>
        <v>3767</v>
      </c>
      <c r="K80" s="19">
        <f>'[1]年齢別人口市区町村(外国人)'!F94</f>
        <v>81</v>
      </c>
      <c r="L80" s="19">
        <f>'[1]年齢別人口市区町村(総数)'!F94</f>
        <v>3848</v>
      </c>
      <c r="M80" s="19">
        <f>'[1]年齢別人口市区町村(日本人)'!G94</f>
        <v>3844</v>
      </c>
      <c r="N80" s="19">
        <f>'[1]年齢別人口市区町村(外国人)'!G94</f>
        <v>71</v>
      </c>
      <c r="O80" s="19">
        <f>'[1]年齢別人口市区町村(総数)'!G94</f>
        <v>3915</v>
      </c>
      <c r="P80" s="19">
        <f>'[1]年齢別人口市区町村(日本人)'!H94</f>
        <v>4164</v>
      </c>
      <c r="Q80" s="19">
        <f>'[1]年齢別人口市区町村(外国人)'!H94</f>
        <v>114</v>
      </c>
      <c r="R80" s="19">
        <f>'[1]年齢別人口市区町村(総数)'!H94</f>
        <v>4278</v>
      </c>
      <c r="S80" s="19">
        <f>'[1]年齢別人口市区町村(日本人)'!I94</f>
        <v>6966</v>
      </c>
      <c r="T80" s="19">
        <f>'[1]年齢別人口市区町村(外国人)'!I94</f>
        <v>579</v>
      </c>
      <c r="U80" s="19">
        <f>'[1]年齢別人口市区町村(総数)'!I94</f>
        <v>7545</v>
      </c>
      <c r="V80" s="19">
        <f>'[1]年齢別人口市区町村(日本人)'!J94</f>
        <v>10105</v>
      </c>
      <c r="W80" s="19">
        <f>'[1]年齢別人口市区町村(外国人)'!J94</f>
        <v>854</v>
      </c>
      <c r="X80" s="19">
        <f>'[1]年齢別人口市区町村(総数)'!J94</f>
        <v>10959</v>
      </c>
      <c r="Y80" s="19">
        <f>'[1]年齢別人口市区町村(日本人)'!K94</f>
        <v>8973</v>
      </c>
      <c r="Z80" s="19">
        <f>'[1]年齢別人口市区町村(外国人)'!K94</f>
        <v>664</v>
      </c>
      <c r="AA80" s="19">
        <f>'[1]年齢別人口市区町村(総数)'!K94</f>
        <v>9637</v>
      </c>
      <c r="AB80" s="19">
        <f>'[1]年齢別人口市区町村(日本人)'!L94</f>
        <v>7841</v>
      </c>
      <c r="AC80" s="19">
        <f>'[1]年齢別人口市区町村(外国人)'!L94</f>
        <v>448</v>
      </c>
      <c r="AD80" s="19">
        <f>'[1]年齢別人口市区町村(総数)'!L94</f>
        <v>8289</v>
      </c>
      <c r="AE80" s="19">
        <f>'[1]年齢別人口市区町村(日本人)'!M94</f>
        <v>7618</v>
      </c>
      <c r="AF80" s="19">
        <f>'[1]年齢別人口市区町村(外国人)'!M94</f>
        <v>252</v>
      </c>
      <c r="AG80" s="19">
        <f>'[1]年齢別人口市区町村(総数)'!M94</f>
        <v>7870</v>
      </c>
      <c r="AH80" s="19">
        <f>'[1]年齢別人口市区町村(日本人)'!N94</f>
        <v>7776</v>
      </c>
      <c r="AI80" s="19">
        <f>'[1]年齢別人口市区町村(外国人)'!N94</f>
        <v>148</v>
      </c>
      <c r="AJ80" s="19">
        <f>'[1]年齢別人口市区町村(総数)'!N94</f>
        <v>7924</v>
      </c>
      <c r="AK80" s="19">
        <f>'[1]年齢別人口市区町村(日本人)'!O94</f>
        <v>8553</v>
      </c>
      <c r="AL80" s="19">
        <f>'[1]年齢別人口市区町村(外国人)'!O94</f>
        <v>120</v>
      </c>
      <c r="AM80" s="19">
        <f>'[1]年齢別人口市区町村(総数)'!O94</f>
        <v>8673</v>
      </c>
      <c r="AN80" s="19">
        <f>'[1]年齢別人口市区町村(日本人)'!P94</f>
        <v>8271</v>
      </c>
      <c r="AO80" s="19">
        <f>'[1]年齢別人口市区町村(外国人)'!P94</f>
        <v>105</v>
      </c>
      <c r="AP80" s="19">
        <f>'[1]年齢別人口市区町村(総数)'!P94</f>
        <v>8376</v>
      </c>
      <c r="AQ80" s="19">
        <f>'[1]年齢別人口市区町村(日本人)'!Q94</f>
        <v>7043</v>
      </c>
      <c r="AR80" s="19">
        <f>'[1]年齢別人口市区町村(外国人)'!Q94</f>
        <v>82</v>
      </c>
      <c r="AS80" s="19">
        <f>'[1]年齢別人口市区町村(総数)'!Q94</f>
        <v>7125</v>
      </c>
      <c r="AT80" s="19">
        <f>'[1]年齢別人口市区町村(日本人)'!R94</f>
        <v>5084</v>
      </c>
      <c r="AU80" s="19">
        <f>'[1]年齢別人口市区町村(外国人)'!R94</f>
        <v>46</v>
      </c>
      <c r="AV80" s="19">
        <f>'[1]年齢別人口市区町村(総数)'!R94</f>
        <v>5130</v>
      </c>
      <c r="AW80" s="19">
        <f>'[1]年齢別人口市区町村(日本人)'!S94</f>
        <v>4411</v>
      </c>
      <c r="AX80" s="19">
        <f>'[1]年齢別人口市区町村(外国人)'!S94</f>
        <v>17</v>
      </c>
      <c r="AY80" s="19">
        <f>'[1]年齢別人口市区町村(総数)'!S94</f>
        <v>4428</v>
      </c>
      <c r="AZ80" s="19">
        <f>'[1]年齢別人口市区町村(日本人)'!T94</f>
        <v>4540</v>
      </c>
      <c r="BA80" s="19">
        <f>'[1]年齢別人口市区町村(外国人)'!T94</f>
        <v>14</v>
      </c>
      <c r="BB80" s="19">
        <f>'[1]年齢別人口市区町村(総数)'!T94</f>
        <v>4554</v>
      </c>
      <c r="BC80" s="19">
        <f>'[1]年齢別人口市区町村(日本人)'!U94</f>
        <v>2921</v>
      </c>
      <c r="BD80" s="19">
        <f>'[1]年齢別人口市区町村(外国人)'!U94</f>
        <v>10</v>
      </c>
      <c r="BE80" s="19">
        <f>'[1]年齢別人口市区町村(総数)'!U94</f>
        <v>2931</v>
      </c>
      <c r="BF80" s="19">
        <f>'[1]年齢別人口市区町村(日本人)'!V94</f>
        <v>1730</v>
      </c>
      <c r="BG80" s="19">
        <f>'[1]年齢別人口市区町村(外国人)'!V94</f>
        <v>4</v>
      </c>
      <c r="BH80" s="19">
        <f>'[1]年齢別人口市区町村(総数)'!V94</f>
        <v>1734</v>
      </c>
      <c r="BI80" s="19">
        <f>'[1]年齢別人口市区町村(日本人)'!W94</f>
        <v>775</v>
      </c>
      <c r="BJ80" s="19">
        <f>'[1]年齢別人口市区町村(外国人)'!W94</f>
        <v>3</v>
      </c>
      <c r="BK80" s="19">
        <f>'[1]年齢別人口市区町村(総数)'!W94</f>
        <v>778</v>
      </c>
      <c r="BL80" s="19">
        <f>'[1]年齢別人口市区町村(日本人)'!X94</f>
        <v>178</v>
      </c>
      <c r="BM80" s="19">
        <f>'[1]年齢別人口市区町村(外国人)'!X94</f>
        <v>0</v>
      </c>
      <c r="BN80" s="19">
        <f>'[1]年齢別人口市区町村(総数)'!X94</f>
        <v>178</v>
      </c>
      <c r="BO80" s="19">
        <f>'[1]年齢別人口市区町村(日本人)'!Y94</f>
        <v>17</v>
      </c>
      <c r="BP80" s="19">
        <f>'[1]年齢別人口市区町村(外国人)'!Y94</f>
        <v>0</v>
      </c>
      <c r="BQ80" s="60">
        <f>'[1]年齢別人口市区町村(総数)'!Y94</f>
        <v>17</v>
      </c>
    </row>
    <row r="81" spans="1:69" x14ac:dyDescent="0.15">
      <c r="A81" s="31" t="s">
        <v>57</v>
      </c>
      <c r="B81" s="21" t="s">
        <v>31</v>
      </c>
      <c r="C81" s="46"/>
      <c r="D81" s="22">
        <f>'[1]年齢別人口市区町村(日本人)'!D95</f>
        <v>105257</v>
      </c>
      <c r="E81" s="23">
        <f>'[1]年齢別人口市区町村(外国人)'!D95</f>
        <v>3336</v>
      </c>
      <c r="F81" s="24">
        <f>'[1]年齢別人口市区町村(総数)'!D95</f>
        <v>108593</v>
      </c>
      <c r="G81" s="23">
        <f>'[1]年齢別人口市区町村(日本人)'!E95</f>
        <v>3573</v>
      </c>
      <c r="H81" s="23">
        <f>'[1]年齢別人口市区町村(外国人)'!E95</f>
        <v>100</v>
      </c>
      <c r="I81" s="24">
        <f>'[1]年齢別人口市区町村(総数)'!E95</f>
        <v>3673</v>
      </c>
      <c r="J81" s="23">
        <f>'[1]年齢別人口市区町村(日本人)'!F95</f>
        <v>3623</v>
      </c>
      <c r="K81" s="23">
        <f>'[1]年齢別人口市区町村(外国人)'!F95</f>
        <v>74</v>
      </c>
      <c r="L81" s="24">
        <f>'[1]年齢別人口市区町村(総数)'!F95</f>
        <v>3697</v>
      </c>
      <c r="M81" s="23">
        <f>'[1]年齢別人口市区町村(日本人)'!G95</f>
        <v>3636</v>
      </c>
      <c r="N81" s="23">
        <f>'[1]年齢別人口市区町村(外国人)'!G95</f>
        <v>51</v>
      </c>
      <c r="O81" s="24">
        <f>'[1]年齢別人口市区町村(総数)'!G95</f>
        <v>3687</v>
      </c>
      <c r="P81" s="23">
        <f>'[1]年齢別人口市区町村(日本人)'!H95</f>
        <v>3831</v>
      </c>
      <c r="Q81" s="23">
        <f>'[1]年齢別人口市区町村(外国人)'!H95</f>
        <v>109</v>
      </c>
      <c r="R81" s="24">
        <f>'[1]年齢別人口市区町村(総数)'!H95</f>
        <v>3940</v>
      </c>
      <c r="S81" s="23">
        <f>'[1]年齢別人口市区町村(日本人)'!I95</f>
        <v>6448</v>
      </c>
      <c r="T81" s="23">
        <f>'[1]年齢別人口市区町村(外国人)'!I95</f>
        <v>478</v>
      </c>
      <c r="U81" s="24">
        <f>'[1]年齢別人口市区町村(総数)'!I95</f>
        <v>6926</v>
      </c>
      <c r="V81" s="23">
        <f>'[1]年齢別人口市区町村(日本人)'!J95</f>
        <v>9880</v>
      </c>
      <c r="W81" s="23">
        <f>'[1]年齢別人口市区町村(外国人)'!J95</f>
        <v>665</v>
      </c>
      <c r="X81" s="24">
        <f>'[1]年齢別人口市区町村(総数)'!J95</f>
        <v>10545</v>
      </c>
      <c r="Y81" s="23">
        <f>'[1]年齢別人口市区町村(日本人)'!K95</f>
        <v>8209</v>
      </c>
      <c r="Z81" s="23">
        <f>'[1]年齢別人口市区町村(外国人)'!K95</f>
        <v>534</v>
      </c>
      <c r="AA81" s="24">
        <f>'[1]年齢別人口市区町村(総数)'!K95</f>
        <v>8743</v>
      </c>
      <c r="AB81" s="23">
        <f>'[1]年齢別人口市区町村(日本人)'!L95</f>
        <v>6942</v>
      </c>
      <c r="AC81" s="23">
        <f>'[1]年齢別人口市区町村(外国人)'!L95</f>
        <v>342</v>
      </c>
      <c r="AD81" s="24">
        <f>'[1]年齢別人口市区町村(総数)'!L95</f>
        <v>7284</v>
      </c>
      <c r="AE81" s="23">
        <f>'[1]年齢別人口市区町村(日本人)'!M95</f>
        <v>6627</v>
      </c>
      <c r="AF81" s="23">
        <f>'[1]年齢別人口市区町村(外国人)'!M95</f>
        <v>232</v>
      </c>
      <c r="AG81" s="24">
        <f>'[1]年齢別人口市区町村(総数)'!M95</f>
        <v>6859</v>
      </c>
      <c r="AH81" s="23">
        <f>'[1]年齢別人口市区町村(日本人)'!N95</f>
        <v>6816</v>
      </c>
      <c r="AI81" s="23">
        <f>'[1]年齢別人口市区町村(外国人)'!N95</f>
        <v>183</v>
      </c>
      <c r="AJ81" s="24">
        <f>'[1]年齢別人口市区町村(総数)'!N95</f>
        <v>6999</v>
      </c>
      <c r="AK81" s="23">
        <f>'[1]年齢別人口市区町村(日本人)'!O95</f>
        <v>7877</v>
      </c>
      <c r="AL81" s="23">
        <f>'[1]年齢別人口市区町村(外国人)'!O95</f>
        <v>154</v>
      </c>
      <c r="AM81" s="24">
        <f>'[1]年齢別人口市区町村(総数)'!O95</f>
        <v>8031</v>
      </c>
      <c r="AN81" s="23">
        <f>'[1]年齢別人口市区町村(日本人)'!P95</f>
        <v>7336</v>
      </c>
      <c r="AO81" s="23">
        <f>'[1]年齢別人口市区町村(外国人)'!P95</f>
        <v>163</v>
      </c>
      <c r="AP81" s="24">
        <f>'[1]年齢別人口市区町村(総数)'!P95</f>
        <v>7499</v>
      </c>
      <c r="AQ81" s="23">
        <f>'[1]年齢別人口市区町村(日本人)'!Q95</f>
        <v>6236</v>
      </c>
      <c r="AR81" s="23">
        <f>'[1]年齢別人口市区町村(外国人)'!Q95</f>
        <v>118</v>
      </c>
      <c r="AS81" s="24">
        <f>'[1]年齢別人口市区町村(総数)'!Q95</f>
        <v>6354</v>
      </c>
      <c r="AT81" s="23">
        <f>'[1]年齢別人口市区町村(日本人)'!R95</f>
        <v>4755</v>
      </c>
      <c r="AU81" s="23">
        <f>'[1]年齢別人口市区町村(外国人)'!R95</f>
        <v>56</v>
      </c>
      <c r="AV81" s="24">
        <f>'[1]年齢別人口市区町村(総数)'!R95</f>
        <v>4811</v>
      </c>
      <c r="AW81" s="23">
        <f>'[1]年齢別人口市区町村(日本人)'!S95</f>
        <v>4614</v>
      </c>
      <c r="AX81" s="23">
        <f>'[1]年齢別人口市区町村(外国人)'!S95</f>
        <v>33</v>
      </c>
      <c r="AY81" s="24">
        <f>'[1]年齢別人口市区町村(総数)'!S95</f>
        <v>4647</v>
      </c>
      <c r="AZ81" s="23">
        <f>'[1]年齢別人口市区町村(日本人)'!T95</f>
        <v>5295</v>
      </c>
      <c r="BA81" s="23">
        <f>'[1]年齢別人口市区町村(外国人)'!T95</f>
        <v>21</v>
      </c>
      <c r="BB81" s="24">
        <f>'[1]年齢別人口市区町村(総数)'!T95</f>
        <v>5316</v>
      </c>
      <c r="BC81" s="23">
        <f>'[1]年齢別人口市区町村(日本人)'!U95</f>
        <v>4143</v>
      </c>
      <c r="BD81" s="23">
        <f>'[1]年齢別人口市区町村(外国人)'!U95</f>
        <v>14</v>
      </c>
      <c r="BE81" s="24">
        <f>'[1]年齢別人口市区町村(総数)'!U95</f>
        <v>4157</v>
      </c>
      <c r="BF81" s="23">
        <f>'[1]年齢別人口市区町村(日本人)'!V95</f>
        <v>3091</v>
      </c>
      <c r="BG81" s="23">
        <f>'[1]年齢別人口市区町村(外国人)'!V95</f>
        <v>7</v>
      </c>
      <c r="BH81" s="24">
        <f>'[1]年齢別人口市区町村(総数)'!V95</f>
        <v>3098</v>
      </c>
      <c r="BI81" s="23">
        <f>'[1]年齢別人口市区町村(日本人)'!W95</f>
        <v>1697</v>
      </c>
      <c r="BJ81" s="23">
        <f>'[1]年齢別人口市区町村(外国人)'!W95</f>
        <v>1</v>
      </c>
      <c r="BK81" s="24">
        <f>'[1]年齢別人口市区町村(総数)'!W95</f>
        <v>1698</v>
      </c>
      <c r="BL81" s="23">
        <f>'[1]年齢別人口市区町村(日本人)'!X95</f>
        <v>541</v>
      </c>
      <c r="BM81" s="23">
        <f>'[1]年齢別人口市区町村(外国人)'!X95</f>
        <v>1</v>
      </c>
      <c r="BN81" s="24">
        <f>'[1]年齢別人口市区町村(総数)'!X95</f>
        <v>542</v>
      </c>
      <c r="BO81" s="23">
        <f>'[1]年齢別人口市区町村(日本人)'!Y95</f>
        <v>87</v>
      </c>
      <c r="BP81" s="23">
        <f>'[1]年齢別人口市区町村(外国人)'!Y95</f>
        <v>0</v>
      </c>
      <c r="BQ81" s="61">
        <f>'[1]年齢別人口市区町村(総数)'!Y95</f>
        <v>87</v>
      </c>
    </row>
    <row r="82" spans="1:69" ht="15" thickBot="1" x14ac:dyDescent="0.2">
      <c r="A82" s="32"/>
      <c r="B82" s="25" t="s">
        <v>32</v>
      </c>
      <c r="C82" s="47"/>
      <c r="D82" s="26">
        <f>'[1]年齢別人口市区町村(日本人)'!D93</f>
        <v>213567</v>
      </c>
      <c r="E82" s="27">
        <f>'[1]年齢別人口市区町村(外国人)'!D93</f>
        <v>7048</v>
      </c>
      <c r="F82" s="28">
        <f>'[1]年齢別人口市区町村(総数)'!D93</f>
        <v>220615</v>
      </c>
      <c r="G82" s="27">
        <f>'[1]年齢別人口市区町村(日本人)'!E93</f>
        <v>7306</v>
      </c>
      <c r="H82" s="27">
        <f>'[1]年齢別人口市区町村(外国人)'!E93</f>
        <v>200</v>
      </c>
      <c r="I82" s="28">
        <f>'[1]年齢別人口市区町村(総数)'!E93</f>
        <v>7506</v>
      </c>
      <c r="J82" s="27">
        <f>'[1]年齢別人口市区町村(日本人)'!F93</f>
        <v>7390</v>
      </c>
      <c r="K82" s="27">
        <f>'[1]年齢別人口市区町村(外国人)'!F93</f>
        <v>155</v>
      </c>
      <c r="L82" s="28">
        <f>'[1]年齢別人口市区町村(総数)'!F93</f>
        <v>7545</v>
      </c>
      <c r="M82" s="27">
        <f>'[1]年齢別人口市区町村(日本人)'!G93</f>
        <v>7480</v>
      </c>
      <c r="N82" s="27">
        <f>'[1]年齢別人口市区町村(外国人)'!G93</f>
        <v>122</v>
      </c>
      <c r="O82" s="28">
        <f>'[1]年齢別人口市区町村(総数)'!G93</f>
        <v>7602</v>
      </c>
      <c r="P82" s="27">
        <f>'[1]年齢別人口市区町村(日本人)'!H93</f>
        <v>7995</v>
      </c>
      <c r="Q82" s="27">
        <f>'[1]年齢別人口市区町村(外国人)'!H93</f>
        <v>223</v>
      </c>
      <c r="R82" s="28">
        <f>'[1]年齢別人口市区町村(総数)'!H93</f>
        <v>8218</v>
      </c>
      <c r="S82" s="27">
        <f>'[1]年齢別人口市区町村(日本人)'!I93</f>
        <v>13414</v>
      </c>
      <c r="T82" s="27">
        <f>'[1]年齢別人口市区町村(外国人)'!I93</f>
        <v>1057</v>
      </c>
      <c r="U82" s="28">
        <f>'[1]年齢別人口市区町村(総数)'!I93</f>
        <v>14471</v>
      </c>
      <c r="V82" s="27">
        <f>'[1]年齢別人口市区町村(日本人)'!J93</f>
        <v>19985</v>
      </c>
      <c r="W82" s="27">
        <f>'[1]年齢別人口市区町村(外国人)'!J93</f>
        <v>1519</v>
      </c>
      <c r="X82" s="28">
        <f>'[1]年齢別人口市区町村(総数)'!J93</f>
        <v>21504</v>
      </c>
      <c r="Y82" s="27">
        <f>'[1]年齢別人口市区町村(日本人)'!K93</f>
        <v>17182</v>
      </c>
      <c r="Z82" s="27">
        <f>'[1]年齢別人口市区町村(外国人)'!K93</f>
        <v>1198</v>
      </c>
      <c r="AA82" s="28">
        <f>'[1]年齢別人口市区町村(総数)'!K93</f>
        <v>18380</v>
      </c>
      <c r="AB82" s="27">
        <f>'[1]年齢別人口市区町村(日本人)'!L93</f>
        <v>14783</v>
      </c>
      <c r="AC82" s="27">
        <f>'[1]年齢別人口市区町村(外国人)'!L93</f>
        <v>790</v>
      </c>
      <c r="AD82" s="28">
        <f>'[1]年齢別人口市区町村(総数)'!L93</f>
        <v>15573</v>
      </c>
      <c r="AE82" s="27">
        <f>'[1]年齢別人口市区町村(日本人)'!M93</f>
        <v>14245</v>
      </c>
      <c r="AF82" s="27">
        <f>'[1]年齢別人口市区町村(外国人)'!M93</f>
        <v>484</v>
      </c>
      <c r="AG82" s="28">
        <f>'[1]年齢別人口市区町村(総数)'!M93</f>
        <v>14729</v>
      </c>
      <c r="AH82" s="27">
        <f>'[1]年齢別人口市区町村(日本人)'!N93</f>
        <v>14592</v>
      </c>
      <c r="AI82" s="27">
        <f>'[1]年齢別人口市区町村(外国人)'!N93</f>
        <v>331</v>
      </c>
      <c r="AJ82" s="28">
        <f>'[1]年齢別人口市区町村(総数)'!N93</f>
        <v>14923</v>
      </c>
      <c r="AK82" s="27">
        <f>'[1]年齢別人口市区町村(日本人)'!O93</f>
        <v>16430</v>
      </c>
      <c r="AL82" s="27">
        <f>'[1]年齢別人口市区町村(外国人)'!O93</f>
        <v>274</v>
      </c>
      <c r="AM82" s="28">
        <f>'[1]年齢別人口市区町村(総数)'!O93</f>
        <v>16704</v>
      </c>
      <c r="AN82" s="27">
        <f>'[1]年齢別人口市区町村(日本人)'!P93</f>
        <v>15607</v>
      </c>
      <c r="AO82" s="27">
        <f>'[1]年齢別人口市区町村(外国人)'!P93</f>
        <v>268</v>
      </c>
      <c r="AP82" s="28">
        <f>'[1]年齢別人口市区町村(総数)'!P93</f>
        <v>15875</v>
      </c>
      <c r="AQ82" s="27">
        <f>'[1]年齢別人口市区町村(日本人)'!Q93</f>
        <v>13279</v>
      </c>
      <c r="AR82" s="27">
        <f>'[1]年齢別人口市区町村(外国人)'!Q93</f>
        <v>200</v>
      </c>
      <c r="AS82" s="28">
        <f>'[1]年齢別人口市区町村(総数)'!Q93</f>
        <v>13479</v>
      </c>
      <c r="AT82" s="27">
        <f>'[1]年齢別人口市区町村(日本人)'!R93</f>
        <v>9839</v>
      </c>
      <c r="AU82" s="27">
        <f>'[1]年齢別人口市区町村(外国人)'!R93</f>
        <v>102</v>
      </c>
      <c r="AV82" s="28">
        <f>'[1]年齢別人口市区町村(総数)'!R93</f>
        <v>9941</v>
      </c>
      <c r="AW82" s="27">
        <f>'[1]年齢別人口市区町村(日本人)'!S93</f>
        <v>9025</v>
      </c>
      <c r="AX82" s="27">
        <f>'[1]年齢別人口市区町村(外国人)'!S93</f>
        <v>50</v>
      </c>
      <c r="AY82" s="28">
        <f>'[1]年齢別人口市区町村(総数)'!S93</f>
        <v>9075</v>
      </c>
      <c r="AZ82" s="27">
        <f>'[1]年齢別人口市区町村(日本人)'!T93</f>
        <v>9835</v>
      </c>
      <c r="BA82" s="27">
        <f>'[1]年齢別人口市区町村(外国人)'!T93</f>
        <v>35</v>
      </c>
      <c r="BB82" s="28">
        <f>'[1]年齢別人口市区町村(総数)'!T93</f>
        <v>9870</v>
      </c>
      <c r="BC82" s="27">
        <f>'[1]年齢別人口市区町村(日本人)'!U93</f>
        <v>7064</v>
      </c>
      <c r="BD82" s="27">
        <f>'[1]年齢別人口市区町村(外国人)'!U93</f>
        <v>24</v>
      </c>
      <c r="BE82" s="28">
        <f>'[1]年齢別人口市区町村(総数)'!U93</f>
        <v>7088</v>
      </c>
      <c r="BF82" s="27">
        <f>'[1]年齢別人口市区町村(日本人)'!V93</f>
        <v>4821</v>
      </c>
      <c r="BG82" s="27">
        <f>'[1]年齢別人口市区町村(外国人)'!V93</f>
        <v>11</v>
      </c>
      <c r="BH82" s="28">
        <f>'[1]年齢別人口市区町村(総数)'!V93</f>
        <v>4832</v>
      </c>
      <c r="BI82" s="27">
        <f>'[1]年齢別人口市区町村(日本人)'!W93</f>
        <v>2472</v>
      </c>
      <c r="BJ82" s="27">
        <f>'[1]年齢別人口市区町村(外国人)'!W93</f>
        <v>4</v>
      </c>
      <c r="BK82" s="28">
        <f>'[1]年齢別人口市区町村(総数)'!W93</f>
        <v>2476</v>
      </c>
      <c r="BL82" s="27">
        <f>'[1]年齢別人口市区町村(日本人)'!X93</f>
        <v>719</v>
      </c>
      <c r="BM82" s="27">
        <f>'[1]年齢別人口市区町村(外国人)'!X93</f>
        <v>1</v>
      </c>
      <c r="BN82" s="28">
        <f>'[1]年齢別人口市区町村(総数)'!X93</f>
        <v>720</v>
      </c>
      <c r="BO82" s="27">
        <f>'[1]年齢別人口市区町村(日本人)'!Y93</f>
        <v>104</v>
      </c>
      <c r="BP82" s="27">
        <f>'[1]年齢別人口市区町村(外国人)'!Y93</f>
        <v>0</v>
      </c>
      <c r="BQ82" s="62">
        <f>'[1]年齢別人口市区町村(総数)'!Y93</f>
        <v>104</v>
      </c>
    </row>
    <row r="83" spans="1:69" x14ac:dyDescent="0.15">
      <c r="A83" s="31"/>
      <c r="B83" s="17" t="s">
        <v>29</v>
      </c>
      <c r="C83" s="45">
        <v>141364</v>
      </c>
      <c r="D83" s="18">
        <f>'[1]年齢別人口市区町村(日本人)'!D97</f>
        <v>111597</v>
      </c>
      <c r="E83" s="19">
        <f>'[1]年齢別人口市区町村(外国人)'!D97</f>
        <v>2928</v>
      </c>
      <c r="F83" s="19">
        <f>'[1]年齢別人口市区町村(総数)'!D97</f>
        <v>114525</v>
      </c>
      <c r="G83" s="19">
        <f>'[1]年齢別人口市区町村(日本人)'!E97</f>
        <v>4000</v>
      </c>
      <c r="H83" s="19">
        <f>'[1]年齢別人口市区町村(外国人)'!E97</f>
        <v>80</v>
      </c>
      <c r="I83" s="19">
        <f>'[1]年齢別人口市区町村(総数)'!E97</f>
        <v>4080</v>
      </c>
      <c r="J83" s="19">
        <f>'[1]年齢別人口市区町村(日本人)'!F97</f>
        <v>5048</v>
      </c>
      <c r="K83" s="19">
        <f>'[1]年齢別人口市区町村(外国人)'!F97</f>
        <v>87</v>
      </c>
      <c r="L83" s="19">
        <f>'[1]年齢別人口市区町村(総数)'!F97</f>
        <v>5135</v>
      </c>
      <c r="M83" s="19">
        <f>'[1]年齢別人口市区町村(日本人)'!G97</f>
        <v>5664</v>
      </c>
      <c r="N83" s="19">
        <f>'[1]年齢別人口市区町村(外国人)'!G97</f>
        <v>62</v>
      </c>
      <c r="O83" s="19">
        <f>'[1]年齢別人口市区町村(総数)'!G97</f>
        <v>5726</v>
      </c>
      <c r="P83" s="19">
        <f>'[1]年齢別人口市区町村(日本人)'!H97</f>
        <v>5649</v>
      </c>
      <c r="Q83" s="19">
        <f>'[1]年齢別人口市区町村(外国人)'!H97</f>
        <v>78</v>
      </c>
      <c r="R83" s="19">
        <f>'[1]年齢別人口市区町村(総数)'!H97</f>
        <v>5727</v>
      </c>
      <c r="S83" s="19">
        <f>'[1]年齢別人口市区町村(日本人)'!I97</f>
        <v>5782</v>
      </c>
      <c r="T83" s="19">
        <f>'[1]年齢別人口市区町村(外国人)'!I97</f>
        <v>391</v>
      </c>
      <c r="U83" s="19">
        <f>'[1]年齢別人口市区町村(総数)'!I97</f>
        <v>6173</v>
      </c>
      <c r="V83" s="19">
        <f>'[1]年齢別人口市区町村(日本人)'!J97</f>
        <v>6244</v>
      </c>
      <c r="W83" s="19">
        <f>'[1]年齢別人口市区町村(外国人)'!J97</f>
        <v>544</v>
      </c>
      <c r="X83" s="19">
        <f>'[1]年齢別人口市区町村(総数)'!J97</f>
        <v>6788</v>
      </c>
      <c r="Y83" s="19">
        <f>'[1]年齢別人口市区町村(日本人)'!K97</f>
        <v>6155</v>
      </c>
      <c r="Z83" s="19">
        <f>'[1]年齢別人口市区町村(外国人)'!K97</f>
        <v>469</v>
      </c>
      <c r="AA83" s="19">
        <f>'[1]年齢別人口市区町村(総数)'!K97</f>
        <v>6624</v>
      </c>
      <c r="AB83" s="19">
        <f>'[1]年齢別人口市区町村(日本人)'!L97</f>
        <v>6560</v>
      </c>
      <c r="AC83" s="19">
        <f>'[1]年齢別人口市区町村(外国人)'!L97</f>
        <v>366</v>
      </c>
      <c r="AD83" s="19">
        <f>'[1]年齢別人口市区町村(総数)'!L97</f>
        <v>6926</v>
      </c>
      <c r="AE83" s="19">
        <f>'[1]年齢別人口市区町村(日本人)'!M97</f>
        <v>7755</v>
      </c>
      <c r="AF83" s="19">
        <f>'[1]年齢別人口市区町村(外国人)'!M97</f>
        <v>253</v>
      </c>
      <c r="AG83" s="19">
        <f>'[1]年齢別人口市区町村(総数)'!M97</f>
        <v>8008</v>
      </c>
      <c r="AH83" s="19">
        <f>'[1]年齢別人口市区町村(日本人)'!N97</f>
        <v>8804</v>
      </c>
      <c r="AI83" s="19">
        <f>'[1]年齢別人口市区町村(外国人)'!N97</f>
        <v>162</v>
      </c>
      <c r="AJ83" s="19">
        <f>'[1]年齢別人口市区町村(総数)'!N97</f>
        <v>8966</v>
      </c>
      <c r="AK83" s="19">
        <f>'[1]年齢別人口市区町村(日本人)'!O97</f>
        <v>9918</v>
      </c>
      <c r="AL83" s="19">
        <f>'[1]年齢別人口市区町村(外国人)'!O97</f>
        <v>124</v>
      </c>
      <c r="AM83" s="19">
        <f>'[1]年齢別人口市区町村(総数)'!O97</f>
        <v>10042</v>
      </c>
      <c r="AN83" s="19">
        <f>'[1]年齢別人口市区町村(日本人)'!P97</f>
        <v>9717</v>
      </c>
      <c r="AO83" s="19">
        <f>'[1]年齢別人口市区町村(外国人)'!P97</f>
        <v>101</v>
      </c>
      <c r="AP83" s="19">
        <f>'[1]年齢別人口市区町村(総数)'!P97</f>
        <v>9818</v>
      </c>
      <c r="AQ83" s="19">
        <f>'[1]年齢別人口市区町村(日本人)'!Q97</f>
        <v>8029</v>
      </c>
      <c r="AR83" s="19">
        <f>'[1]年齢別人口市区町村(外国人)'!Q97</f>
        <v>77</v>
      </c>
      <c r="AS83" s="19">
        <f>'[1]年齢別人口市区町村(総数)'!Q97</f>
        <v>8106</v>
      </c>
      <c r="AT83" s="19">
        <f>'[1]年齢別人口市区町村(日本人)'!R97</f>
        <v>5559</v>
      </c>
      <c r="AU83" s="19">
        <f>'[1]年齢別人口市区町村(外国人)'!R97</f>
        <v>50</v>
      </c>
      <c r="AV83" s="19">
        <f>'[1]年齢別人口市区町村(総数)'!R97</f>
        <v>5609</v>
      </c>
      <c r="AW83" s="19">
        <f>'[1]年齢別人口市区町村(日本人)'!S97</f>
        <v>4844</v>
      </c>
      <c r="AX83" s="19">
        <f>'[1]年齢別人口市区町村(外国人)'!S97</f>
        <v>46</v>
      </c>
      <c r="AY83" s="19">
        <f>'[1]年齢別人口市区町村(総数)'!S97</f>
        <v>4890</v>
      </c>
      <c r="AZ83" s="19">
        <f>'[1]年齢別人口市区町村(日本人)'!T97</f>
        <v>5160</v>
      </c>
      <c r="BA83" s="19">
        <f>'[1]年齢別人口市区町村(外国人)'!T97</f>
        <v>24</v>
      </c>
      <c r="BB83" s="19">
        <f>'[1]年齢別人口市区町村(総数)'!T97</f>
        <v>5184</v>
      </c>
      <c r="BC83" s="19">
        <f>'[1]年齢別人口市区町村(日本人)'!U97</f>
        <v>3519</v>
      </c>
      <c r="BD83" s="19">
        <f>'[1]年齢別人口市区町村(外国人)'!U97</f>
        <v>5</v>
      </c>
      <c r="BE83" s="19">
        <f>'[1]年齢別人口市区町村(総数)'!U97</f>
        <v>3524</v>
      </c>
      <c r="BF83" s="19">
        <f>'[1]年齢別人口市区町村(日本人)'!V97</f>
        <v>2165</v>
      </c>
      <c r="BG83" s="19">
        <f>'[1]年齢別人口市区町村(外国人)'!V97</f>
        <v>8</v>
      </c>
      <c r="BH83" s="19">
        <f>'[1]年齢別人口市区町村(総数)'!V97</f>
        <v>2173</v>
      </c>
      <c r="BI83" s="19">
        <f>'[1]年齢別人口市区町村(日本人)'!W97</f>
        <v>838</v>
      </c>
      <c r="BJ83" s="19">
        <f>'[1]年齢別人口市区町村(外国人)'!W97</f>
        <v>1</v>
      </c>
      <c r="BK83" s="19">
        <f>'[1]年齢別人口市区町村(総数)'!W97</f>
        <v>839</v>
      </c>
      <c r="BL83" s="19">
        <f>'[1]年齢別人口市区町村(日本人)'!X97</f>
        <v>171</v>
      </c>
      <c r="BM83" s="19">
        <f>'[1]年齢別人口市区町村(外国人)'!X97</f>
        <v>0</v>
      </c>
      <c r="BN83" s="19">
        <f>'[1]年齢別人口市区町村(総数)'!X97</f>
        <v>171</v>
      </c>
      <c r="BO83" s="19">
        <f>'[1]年齢別人口市区町村(日本人)'!Y97</f>
        <v>16</v>
      </c>
      <c r="BP83" s="19">
        <f>'[1]年齢別人口市区町村(外国人)'!Y97</f>
        <v>0</v>
      </c>
      <c r="BQ83" s="60">
        <f>'[1]年齢別人口市区町村(総数)'!Y97</f>
        <v>16</v>
      </c>
    </row>
    <row r="84" spans="1:69" x14ac:dyDescent="0.15">
      <c r="A84" s="31" t="s">
        <v>58</v>
      </c>
      <c r="B84" s="21" t="s">
        <v>31</v>
      </c>
      <c r="C84" s="46"/>
      <c r="D84" s="22">
        <f>'[1]年齢別人口市区町村(日本人)'!D98</f>
        <v>117224</v>
      </c>
      <c r="E84" s="23">
        <f>'[1]年齢別人口市区町村(外国人)'!D98</f>
        <v>2763</v>
      </c>
      <c r="F84" s="24">
        <f>'[1]年齢別人口市区町村(総数)'!D98</f>
        <v>119987</v>
      </c>
      <c r="G84" s="23">
        <f>'[1]年齢別人口市区町村(日本人)'!E98</f>
        <v>3833</v>
      </c>
      <c r="H84" s="23">
        <f>'[1]年齢別人口市区町村(外国人)'!E98</f>
        <v>75</v>
      </c>
      <c r="I84" s="24">
        <f>'[1]年齢別人口市区町村(総数)'!E98</f>
        <v>3908</v>
      </c>
      <c r="J84" s="23">
        <f>'[1]年齢別人口市区町村(日本人)'!F98</f>
        <v>4783</v>
      </c>
      <c r="K84" s="23">
        <f>'[1]年齢別人口市区町村(外国人)'!F98</f>
        <v>69</v>
      </c>
      <c r="L84" s="24">
        <f>'[1]年齢別人口市区町村(総数)'!F98</f>
        <v>4852</v>
      </c>
      <c r="M84" s="23">
        <f>'[1]年齢別人口市区町村(日本人)'!G98</f>
        <v>5411</v>
      </c>
      <c r="N84" s="23">
        <f>'[1]年齢別人口市区町村(外国人)'!G98</f>
        <v>59</v>
      </c>
      <c r="O84" s="24">
        <f>'[1]年齢別人口市区町村(総数)'!G98</f>
        <v>5470</v>
      </c>
      <c r="P84" s="23">
        <f>'[1]年齢別人口市区町村(日本人)'!H98</f>
        <v>5302</v>
      </c>
      <c r="Q84" s="23">
        <f>'[1]年齢別人口市区町村(外国人)'!H98</f>
        <v>82</v>
      </c>
      <c r="R84" s="24">
        <f>'[1]年齢別人口市区町村(総数)'!H98</f>
        <v>5384</v>
      </c>
      <c r="S84" s="23">
        <f>'[1]年齢別人口市区町村(日本人)'!I98</f>
        <v>6091</v>
      </c>
      <c r="T84" s="23">
        <f>'[1]年齢別人口市区町村(外国人)'!I98</f>
        <v>318</v>
      </c>
      <c r="U84" s="24">
        <f>'[1]年齢別人口市区町村(総数)'!I98</f>
        <v>6409</v>
      </c>
      <c r="V84" s="23">
        <f>'[1]年齢別人口市区町村(日本人)'!J98</f>
        <v>6755</v>
      </c>
      <c r="W84" s="23">
        <f>'[1]年齢別人口市区町村(外国人)'!J98</f>
        <v>416</v>
      </c>
      <c r="X84" s="24">
        <f>'[1]年齢別人口市区町村(総数)'!J98</f>
        <v>7171</v>
      </c>
      <c r="Y84" s="23">
        <f>'[1]年齢別人口市区町村(日本人)'!K98</f>
        <v>6557</v>
      </c>
      <c r="Z84" s="23">
        <f>'[1]年齢別人口市区町村(外国人)'!K98</f>
        <v>390</v>
      </c>
      <c r="AA84" s="24">
        <f>'[1]年齢別人口市区町村(総数)'!K98</f>
        <v>6947</v>
      </c>
      <c r="AB84" s="23">
        <f>'[1]年齢別人口市区町村(日本人)'!L98</f>
        <v>6658</v>
      </c>
      <c r="AC84" s="23">
        <f>'[1]年齢別人口市区町村(外国人)'!L98</f>
        <v>300</v>
      </c>
      <c r="AD84" s="24">
        <f>'[1]年齢別人口市区町村(総数)'!L98</f>
        <v>6958</v>
      </c>
      <c r="AE84" s="23">
        <f>'[1]年齢別人口市区町村(日本人)'!M98</f>
        <v>7744</v>
      </c>
      <c r="AF84" s="23">
        <f>'[1]年齢別人口市区町村(外国人)'!M98</f>
        <v>232</v>
      </c>
      <c r="AG84" s="24">
        <f>'[1]年齢別人口市区町村(総数)'!M98</f>
        <v>7976</v>
      </c>
      <c r="AH84" s="23">
        <f>'[1]年齢別人口市区町村(日本人)'!N98</f>
        <v>8928</v>
      </c>
      <c r="AI84" s="23">
        <f>'[1]年齢別人口市区町村(外国人)'!N98</f>
        <v>182</v>
      </c>
      <c r="AJ84" s="24">
        <f>'[1]年齢別人口市区町村(総数)'!N98</f>
        <v>9110</v>
      </c>
      <c r="AK84" s="23">
        <f>'[1]年齢別人口市区町村(日本人)'!O98</f>
        <v>10110</v>
      </c>
      <c r="AL84" s="23">
        <f>'[1]年齢別人口市区町村(外国人)'!O98</f>
        <v>177</v>
      </c>
      <c r="AM84" s="24">
        <f>'[1]年齢別人口市区町村(総数)'!O98</f>
        <v>10287</v>
      </c>
      <c r="AN84" s="23">
        <f>'[1]年齢別人口市区町村(日本人)'!P98</f>
        <v>9279</v>
      </c>
      <c r="AO84" s="23">
        <f>'[1]年齢別人口市区町村(外国人)'!P98</f>
        <v>161</v>
      </c>
      <c r="AP84" s="24">
        <f>'[1]年齢別人口市区町村(総数)'!P98</f>
        <v>9440</v>
      </c>
      <c r="AQ84" s="23">
        <f>'[1]年齢別人口市区町村(日本人)'!Q98</f>
        <v>7619</v>
      </c>
      <c r="AR84" s="23">
        <f>'[1]年齢別人口市区町村(外国人)'!Q98</f>
        <v>123</v>
      </c>
      <c r="AS84" s="24">
        <f>'[1]年齢別人口市区町村(総数)'!Q98</f>
        <v>7742</v>
      </c>
      <c r="AT84" s="23">
        <f>'[1]年齢別人口市区町村(日本人)'!R98</f>
        <v>5518</v>
      </c>
      <c r="AU84" s="23">
        <f>'[1]年齢別人口市区町村(外国人)'!R98</f>
        <v>64</v>
      </c>
      <c r="AV84" s="24">
        <f>'[1]年齢別人口市区町村(総数)'!R98</f>
        <v>5582</v>
      </c>
      <c r="AW84" s="23">
        <f>'[1]年齢別人口市区町村(日本人)'!S98</f>
        <v>5306</v>
      </c>
      <c r="AX84" s="23">
        <f>'[1]年齢別人口市区町村(外国人)'!S98</f>
        <v>55</v>
      </c>
      <c r="AY84" s="24">
        <f>'[1]年齢別人口市区町村(総数)'!S98</f>
        <v>5361</v>
      </c>
      <c r="AZ84" s="23">
        <f>'[1]年齢別人口市区町村(日本人)'!T98</f>
        <v>6379</v>
      </c>
      <c r="BA84" s="23">
        <f>'[1]年齢別人口市区町村(外国人)'!T98</f>
        <v>34</v>
      </c>
      <c r="BB84" s="24">
        <f>'[1]年齢別人口市区町村(総数)'!T98</f>
        <v>6413</v>
      </c>
      <c r="BC84" s="23">
        <f>'[1]年齢別人口市区町村(日本人)'!U98</f>
        <v>5049</v>
      </c>
      <c r="BD84" s="23">
        <f>'[1]年齢別人口市区町村(外国人)'!U98</f>
        <v>14</v>
      </c>
      <c r="BE84" s="24">
        <f>'[1]年齢別人口市区町村(総数)'!U98</f>
        <v>5063</v>
      </c>
      <c r="BF84" s="23">
        <f>'[1]年齢別人口市区町村(日本人)'!V98</f>
        <v>3457</v>
      </c>
      <c r="BG84" s="23">
        <f>'[1]年齢別人口市区町村(外国人)'!V98</f>
        <v>8</v>
      </c>
      <c r="BH84" s="24">
        <f>'[1]年齢別人口市区町村(総数)'!V98</f>
        <v>3465</v>
      </c>
      <c r="BI84" s="23">
        <f>'[1]年齢別人口市区町村(日本人)'!W98</f>
        <v>1833</v>
      </c>
      <c r="BJ84" s="23">
        <f>'[1]年齢別人口市区町村(外国人)'!W98</f>
        <v>4</v>
      </c>
      <c r="BK84" s="24">
        <f>'[1]年齢別人口市区町村(総数)'!W98</f>
        <v>1837</v>
      </c>
      <c r="BL84" s="23">
        <f>'[1]年齢別人口市区町村(日本人)'!X98</f>
        <v>528</v>
      </c>
      <c r="BM84" s="23">
        <f>'[1]年齢別人口市区町村(外国人)'!X98</f>
        <v>0</v>
      </c>
      <c r="BN84" s="24">
        <f>'[1]年齢別人口市区町村(総数)'!X98</f>
        <v>528</v>
      </c>
      <c r="BO84" s="23">
        <f>'[1]年齢別人口市区町村(日本人)'!Y98</f>
        <v>84</v>
      </c>
      <c r="BP84" s="23">
        <f>'[1]年齢別人口市区町村(外国人)'!Y98</f>
        <v>0</v>
      </c>
      <c r="BQ84" s="61">
        <f>'[1]年齢別人口市区町村(総数)'!Y98</f>
        <v>84</v>
      </c>
    </row>
    <row r="85" spans="1:69" ht="15" thickBot="1" x14ac:dyDescent="0.2">
      <c r="A85" s="32"/>
      <c r="B85" s="25" t="s">
        <v>32</v>
      </c>
      <c r="C85" s="47"/>
      <c r="D85" s="26">
        <f>'[1]年齢別人口市区町村(日本人)'!D96</f>
        <v>228821</v>
      </c>
      <c r="E85" s="27">
        <f>'[1]年齢別人口市区町村(外国人)'!D96</f>
        <v>5691</v>
      </c>
      <c r="F85" s="28">
        <f>'[1]年齢別人口市区町村(総数)'!D96</f>
        <v>234512</v>
      </c>
      <c r="G85" s="27">
        <f>'[1]年齢別人口市区町村(日本人)'!E96</f>
        <v>7833</v>
      </c>
      <c r="H85" s="27">
        <f>'[1]年齢別人口市区町村(外国人)'!E96</f>
        <v>155</v>
      </c>
      <c r="I85" s="28">
        <f>'[1]年齢別人口市区町村(総数)'!E96</f>
        <v>7988</v>
      </c>
      <c r="J85" s="27">
        <f>'[1]年齢別人口市区町村(日本人)'!F96</f>
        <v>9831</v>
      </c>
      <c r="K85" s="27">
        <f>'[1]年齢別人口市区町村(外国人)'!F96</f>
        <v>156</v>
      </c>
      <c r="L85" s="28">
        <f>'[1]年齢別人口市区町村(総数)'!F96</f>
        <v>9987</v>
      </c>
      <c r="M85" s="27">
        <f>'[1]年齢別人口市区町村(日本人)'!G96</f>
        <v>11075</v>
      </c>
      <c r="N85" s="27">
        <f>'[1]年齢別人口市区町村(外国人)'!G96</f>
        <v>121</v>
      </c>
      <c r="O85" s="28">
        <f>'[1]年齢別人口市区町村(総数)'!G96</f>
        <v>11196</v>
      </c>
      <c r="P85" s="27">
        <f>'[1]年齢別人口市区町村(日本人)'!H96</f>
        <v>10951</v>
      </c>
      <c r="Q85" s="27">
        <f>'[1]年齢別人口市区町村(外国人)'!H96</f>
        <v>160</v>
      </c>
      <c r="R85" s="28">
        <f>'[1]年齢別人口市区町村(総数)'!H96</f>
        <v>11111</v>
      </c>
      <c r="S85" s="27">
        <f>'[1]年齢別人口市区町村(日本人)'!I96</f>
        <v>11873</v>
      </c>
      <c r="T85" s="27">
        <f>'[1]年齢別人口市区町村(外国人)'!I96</f>
        <v>709</v>
      </c>
      <c r="U85" s="28">
        <f>'[1]年齢別人口市区町村(総数)'!I96</f>
        <v>12582</v>
      </c>
      <c r="V85" s="27">
        <f>'[1]年齢別人口市区町村(日本人)'!J96</f>
        <v>12999</v>
      </c>
      <c r="W85" s="27">
        <f>'[1]年齢別人口市区町村(外国人)'!J96</f>
        <v>960</v>
      </c>
      <c r="X85" s="28">
        <f>'[1]年齢別人口市区町村(総数)'!J96</f>
        <v>13959</v>
      </c>
      <c r="Y85" s="27">
        <f>'[1]年齢別人口市区町村(日本人)'!K96</f>
        <v>12712</v>
      </c>
      <c r="Z85" s="27">
        <f>'[1]年齢別人口市区町村(外国人)'!K96</f>
        <v>859</v>
      </c>
      <c r="AA85" s="28">
        <f>'[1]年齢別人口市区町村(総数)'!K96</f>
        <v>13571</v>
      </c>
      <c r="AB85" s="27">
        <f>'[1]年齢別人口市区町村(日本人)'!L96</f>
        <v>13218</v>
      </c>
      <c r="AC85" s="27">
        <f>'[1]年齢別人口市区町村(外国人)'!L96</f>
        <v>666</v>
      </c>
      <c r="AD85" s="28">
        <f>'[1]年齢別人口市区町村(総数)'!L96</f>
        <v>13884</v>
      </c>
      <c r="AE85" s="27">
        <f>'[1]年齢別人口市区町村(日本人)'!M96</f>
        <v>15499</v>
      </c>
      <c r="AF85" s="27">
        <f>'[1]年齢別人口市区町村(外国人)'!M96</f>
        <v>485</v>
      </c>
      <c r="AG85" s="28">
        <f>'[1]年齢別人口市区町村(総数)'!M96</f>
        <v>15984</v>
      </c>
      <c r="AH85" s="27">
        <f>'[1]年齢別人口市区町村(日本人)'!N96</f>
        <v>17732</v>
      </c>
      <c r="AI85" s="27">
        <f>'[1]年齢別人口市区町村(外国人)'!N96</f>
        <v>344</v>
      </c>
      <c r="AJ85" s="28">
        <f>'[1]年齢別人口市区町村(総数)'!N96</f>
        <v>18076</v>
      </c>
      <c r="AK85" s="27">
        <f>'[1]年齢別人口市区町村(日本人)'!O96</f>
        <v>20028</v>
      </c>
      <c r="AL85" s="27">
        <f>'[1]年齢別人口市区町村(外国人)'!O96</f>
        <v>301</v>
      </c>
      <c r="AM85" s="28">
        <f>'[1]年齢別人口市区町村(総数)'!O96</f>
        <v>20329</v>
      </c>
      <c r="AN85" s="27">
        <f>'[1]年齢別人口市区町村(日本人)'!P96</f>
        <v>18996</v>
      </c>
      <c r="AO85" s="27">
        <f>'[1]年齢別人口市区町村(外国人)'!P96</f>
        <v>262</v>
      </c>
      <c r="AP85" s="28">
        <f>'[1]年齢別人口市区町村(総数)'!P96</f>
        <v>19258</v>
      </c>
      <c r="AQ85" s="27">
        <f>'[1]年齢別人口市区町村(日本人)'!Q96</f>
        <v>15648</v>
      </c>
      <c r="AR85" s="27">
        <f>'[1]年齢別人口市区町村(外国人)'!Q96</f>
        <v>200</v>
      </c>
      <c r="AS85" s="28">
        <f>'[1]年齢別人口市区町村(総数)'!Q96</f>
        <v>15848</v>
      </c>
      <c r="AT85" s="27">
        <f>'[1]年齢別人口市区町村(日本人)'!R96</f>
        <v>11077</v>
      </c>
      <c r="AU85" s="27">
        <f>'[1]年齢別人口市区町村(外国人)'!R96</f>
        <v>114</v>
      </c>
      <c r="AV85" s="28">
        <f>'[1]年齢別人口市区町村(総数)'!R96</f>
        <v>11191</v>
      </c>
      <c r="AW85" s="27">
        <f>'[1]年齢別人口市区町村(日本人)'!S96</f>
        <v>10150</v>
      </c>
      <c r="AX85" s="27">
        <f>'[1]年齢別人口市区町村(外国人)'!S96</f>
        <v>101</v>
      </c>
      <c r="AY85" s="28">
        <f>'[1]年齢別人口市区町村(総数)'!S96</f>
        <v>10251</v>
      </c>
      <c r="AZ85" s="27">
        <f>'[1]年齢別人口市区町村(日本人)'!T96</f>
        <v>11539</v>
      </c>
      <c r="BA85" s="27">
        <f>'[1]年齢別人口市区町村(外国人)'!T96</f>
        <v>58</v>
      </c>
      <c r="BB85" s="28">
        <f>'[1]年齢別人口市区町村(総数)'!T96</f>
        <v>11597</v>
      </c>
      <c r="BC85" s="27">
        <f>'[1]年齢別人口市区町村(日本人)'!U96</f>
        <v>8568</v>
      </c>
      <c r="BD85" s="27">
        <f>'[1]年齢別人口市区町村(外国人)'!U96</f>
        <v>19</v>
      </c>
      <c r="BE85" s="28">
        <f>'[1]年齢別人口市区町村(総数)'!U96</f>
        <v>8587</v>
      </c>
      <c r="BF85" s="27">
        <f>'[1]年齢別人口市区町村(日本人)'!V96</f>
        <v>5622</v>
      </c>
      <c r="BG85" s="27">
        <f>'[1]年齢別人口市区町村(外国人)'!V96</f>
        <v>16</v>
      </c>
      <c r="BH85" s="28">
        <f>'[1]年齢別人口市区町村(総数)'!V96</f>
        <v>5638</v>
      </c>
      <c r="BI85" s="27">
        <f>'[1]年齢別人口市区町村(日本人)'!W96</f>
        <v>2671</v>
      </c>
      <c r="BJ85" s="27">
        <f>'[1]年齢別人口市区町村(外国人)'!W96</f>
        <v>5</v>
      </c>
      <c r="BK85" s="28">
        <f>'[1]年齢別人口市区町村(総数)'!W96</f>
        <v>2676</v>
      </c>
      <c r="BL85" s="27">
        <f>'[1]年齢別人口市区町村(日本人)'!X96</f>
        <v>699</v>
      </c>
      <c r="BM85" s="27">
        <f>'[1]年齢別人口市区町村(外国人)'!X96</f>
        <v>0</v>
      </c>
      <c r="BN85" s="28">
        <f>'[1]年齢別人口市区町村(総数)'!X96</f>
        <v>699</v>
      </c>
      <c r="BO85" s="27">
        <f>'[1]年齢別人口市区町村(日本人)'!Y96</f>
        <v>100</v>
      </c>
      <c r="BP85" s="27">
        <f>'[1]年齢別人口市区町村(外国人)'!Y96</f>
        <v>0</v>
      </c>
      <c r="BQ85" s="62">
        <f>'[1]年齢別人口市区町村(総数)'!Y96</f>
        <v>100</v>
      </c>
    </row>
    <row r="86" spans="1:69" x14ac:dyDescent="0.15">
      <c r="A86" s="31"/>
      <c r="B86" s="17" t="s">
        <v>29</v>
      </c>
      <c r="C86" s="45">
        <v>141372</v>
      </c>
      <c r="D86" s="18">
        <f>'[1]年齢別人口市区町村(日本人)'!D100</f>
        <v>83831</v>
      </c>
      <c r="E86" s="19">
        <f>'[1]年齢別人口市区町村(外国人)'!D100</f>
        <v>2266</v>
      </c>
      <c r="F86" s="19">
        <f>'[1]年齢別人口市区町村(総数)'!D100</f>
        <v>86097</v>
      </c>
      <c r="G86" s="19">
        <f>'[1]年齢別人口市区町村(日本人)'!E100</f>
        <v>2712</v>
      </c>
      <c r="H86" s="19">
        <f>'[1]年齢別人口市区町村(外国人)'!E100</f>
        <v>71</v>
      </c>
      <c r="I86" s="19">
        <f>'[1]年齢別人口市区町村(総数)'!E100</f>
        <v>2783</v>
      </c>
      <c r="J86" s="19">
        <f>'[1]年齢別人口市区町村(日本人)'!F100</f>
        <v>3475</v>
      </c>
      <c r="K86" s="19">
        <f>'[1]年齢別人口市区町村(外国人)'!F100</f>
        <v>62</v>
      </c>
      <c r="L86" s="19">
        <f>'[1]年齢別人口市区町村(総数)'!F100</f>
        <v>3537</v>
      </c>
      <c r="M86" s="19">
        <f>'[1]年齢別人口市区町村(日本人)'!G100</f>
        <v>4142</v>
      </c>
      <c r="N86" s="19">
        <f>'[1]年齢別人口市区町村(外国人)'!G100</f>
        <v>58</v>
      </c>
      <c r="O86" s="19">
        <f>'[1]年齢別人口市区町村(総数)'!G100</f>
        <v>4200</v>
      </c>
      <c r="P86" s="19">
        <f>'[1]年齢別人口市区町村(日本人)'!H100</f>
        <v>4276</v>
      </c>
      <c r="Q86" s="19">
        <f>'[1]年齢別人口市区町村(外国人)'!H100</f>
        <v>59</v>
      </c>
      <c r="R86" s="19">
        <f>'[1]年齢別人口市区町村(総数)'!H100</f>
        <v>4335</v>
      </c>
      <c r="S86" s="19">
        <f>'[1]年齢別人口市区町村(日本人)'!I100</f>
        <v>4612</v>
      </c>
      <c r="T86" s="19">
        <f>'[1]年齢別人口市区町村(外国人)'!I100</f>
        <v>359</v>
      </c>
      <c r="U86" s="19">
        <f>'[1]年齢別人口市区町村(総数)'!I100</f>
        <v>4971</v>
      </c>
      <c r="V86" s="19">
        <f>'[1]年齢別人口市区町村(日本人)'!J100</f>
        <v>4517</v>
      </c>
      <c r="W86" s="19">
        <f>'[1]年齢別人口市区町村(外国人)'!J100</f>
        <v>399</v>
      </c>
      <c r="X86" s="19">
        <f>'[1]年齢別人口市区町村(総数)'!J100</f>
        <v>4916</v>
      </c>
      <c r="Y86" s="19">
        <f>'[1]年齢別人口市区町村(日本人)'!K100</f>
        <v>4284</v>
      </c>
      <c r="Z86" s="19">
        <f>'[1]年齢別人口市区町村(外国人)'!K100</f>
        <v>378</v>
      </c>
      <c r="AA86" s="19">
        <f>'[1]年齢別人口市区町村(総数)'!K100</f>
        <v>4662</v>
      </c>
      <c r="AB86" s="19">
        <f>'[1]年齢別人口市区町村(日本人)'!L100</f>
        <v>4495</v>
      </c>
      <c r="AC86" s="19">
        <f>'[1]年齢別人口市区町村(外国人)'!L100</f>
        <v>242</v>
      </c>
      <c r="AD86" s="19">
        <f>'[1]年齢別人口市区町村(総数)'!L100</f>
        <v>4737</v>
      </c>
      <c r="AE86" s="19">
        <f>'[1]年齢別人口市区町村(日本人)'!M100</f>
        <v>5374</v>
      </c>
      <c r="AF86" s="19">
        <f>'[1]年齢別人口市区町村(外国人)'!M100</f>
        <v>194</v>
      </c>
      <c r="AG86" s="19">
        <f>'[1]年齢別人口市区町村(総数)'!M100</f>
        <v>5568</v>
      </c>
      <c r="AH86" s="19">
        <f>'[1]年齢別人口市区町村(日本人)'!N100</f>
        <v>6250</v>
      </c>
      <c r="AI86" s="19">
        <f>'[1]年齢別人口市区町村(外国人)'!N100</f>
        <v>120</v>
      </c>
      <c r="AJ86" s="19">
        <f>'[1]年齢別人口市区町村(総数)'!N100</f>
        <v>6370</v>
      </c>
      <c r="AK86" s="19">
        <f>'[1]年齢別人口市区町村(日本人)'!O100</f>
        <v>7331</v>
      </c>
      <c r="AL86" s="19">
        <f>'[1]年齢別人口市区町村(外国人)'!O100</f>
        <v>99</v>
      </c>
      <c r="AM86" s="19">
        <f>'[1]年齢別人口市区町村(総数)'!O100</f>
        <v>7430</v>
      </c>
      <c r="AN86" s="19">
        <f>'[1]年齢別人口市区町村(日本人)'!P100</f>
        <v>7119</v>
      </c>
      <c r="AO86" s="19">
        <f>'[1]年齢別人口市区町村(外国人)'!P100</f>
        <v>84</v>
      </c>
      <c r="AP86" s="19">
        <f>'[1]年齢別人口市区町村(総数)'!P100</f>
        <v>7203</v>
      </c>
      <c r="AQ86" s="19">
        <f>'[1]年齢別人口市区町村(日本人)'!Q100</f>
        <v>6084</v>
      </c>
      <c r="AR86" s="19">
        <f>'[1]年齢別人口市区町村(外国人)'!Q100</f>
        <v>56</v>
      </c>
      <c r="AS86" s="19">
        <f>'[1]年齢別人口市区町村(総数)'!Q100</f>
        <v>6140</v>
      </c>
      <c r="AT86" s="19">
        <f>'[1]年齢別人口市区町村(日本人)'!R100</f>
        <v>4620</v>
      </c>
      <c r="AU86" s="19">
        <f>'[1]年齢別人口市区町村(外国人)'!R100</f>
        <v>37</v>
      </c>
      <c r="AV86" s="19">
        <f>'[1]年齢別人口市区町村(総数)'!R100</f>
        <v>4657</v>
      </c>
      <c r="AW86" s="19">
        <f>'[1]年齢別人口市区町村(日本人)'!S100</f>
        <v>3930</v>
      </c>
      <c r="AX86" s="19">
        <f>'[1]年齢別人口市区町村(外国人)'!S100</f>
        <v>24</v>
      </c>
      <c r="AY86" s="19">
        <f>'[1]年齢別人口市区町村(総数)'!S100</f>
        <v>3954</v>
      </c>
      <c r="AZ86" s="19">
        <f>'[1]年齢別人口市区町村(日本人)'!T100</f>
        <v>4481</v>
      </c>
      <c r="BA86" s="19">
        <f>'[1]年齢別人口市区町村(外国人)'!T100</f>
        <v>10</v>
      </c>
      <c r="BB86" s="19">
        <f>'[1]年齢別人口市区町村(総数)'!T100</f>
        <v>4491</v>
      </c>
      <c r="BC86" s="19">
        <f>'[1]年齢別人口市区町村(日本人)'!U100</f>
        <v>3070</v>
      </c>
      <c r="BD86" s="19">
        <f>'[1]年齢別人口市区町村(外国人)'!U100</f>
        <v>5</v>
      </c>
      <c r="BE86" s="19">
        <f>'[1]年齢別人口市区町村(総数)'!U100</f>
        <v>3075</v>
      </c>
      <c r="BF86" s="19">
        <f>'[1]年齢別人口市区町村(日本人)'!V100</f>
        <v>2001</v>
      </c>
      <c r="BG86" s="19">
        <f>'[1]年齢別人口市区町村(外国人)'!V100</f>
        <v>6</v>
      </c>
      <c r="BH86" s="19">
        <f>'[1]年齢別人口市区町村(総数)'!V100</f>
        <v>2007</v>
      </c>
      <c r="BI86" s="19">
        <f>'[1]年齢別人口市区町村(日本人)'!W100</f>
        <v>858</v>
      </c>
      <c r="BJ86" s="19">
        <f>'[1]年齢別人口市区町村(外国人)'!W100</f>
        <v>2</v>
      </c>
      <c r="BK86" s="19">
        <f>'[1]年齢別人口市区町村(総数)'!W100</f>
        <v>860</v>
      </c>
      <c r="BL86" s="19">
        <f>'[1]年齢別人口市区町村(日本人)'!X100</f>
        <v>179</v>
      </c>
      <c r="BM86" s="19">
        <f>'[1]年齢別人口市区町村(外国人)'!X100</f>
        <v>0</v>
      </c>
      <c r="BN86" s="19">
        <f>'[1]年齢別人口市区町村(総数)'!X100</f>
        <v>179</v>
      </c>
      <c r="BO86" s="19">
        <f>'[1]年齢別人口市区町村(日本人)'!Y100</f>
        <v>21</v>
      </c>
      <c r="BP86" s="19">
        <f>'[1]年齢別人口市区町村(外国人)'!Y100</f>
        <v>1</v>
      </c>
      <c r="BQ86" s="60">
        <f>'[1]年齢別人口市区町村(総数)'!Y100</f>
        <v>22</v>
      </c>
    </row>
    <row r="87" spans="1:69" x14ac:dyDescent="0.15">
      <c r="A87" s="31" t="s">
        <v>59</v>
      </c>
      <c r="B87" s="21" t="s">
        <v>31</v>
      </c>
      <c r="C87" s="46"/>
      <c r="D87" s="22">
        <f>'[1]年齢別人口市区町村(日本人)'!D101</f>
        <v>89563</v>
      </c>
      <c r="E87" s="23">
        <f>'[1]年齢別人口市区町村(外国人)'!D101</f>
        <v>2050</v>
      </c>
      <c r="F87" s="24">
        <f>'[1]年齢別人口市区町村(総数)'!D101</f>
        <v>91613</v>
      </c>
      <c r="G87" s="23">
        <f>'[1]年齢別人口市区町村(日本人)'!E101</f>
        <v>2397</v>
      </c>
      <c r="H87" s="23">
        <f>'[1]年齢別人口市区町村(外国人)'!E101</f>
        <v>73</v>
      </c>
      <c r="I87" s="24">
        <f>'[1]年齢別人口市区町村(総数)'!E101</f>
        <v>2470</v>
      </c>
      <c r="J87" s="23">
        <f>'[1]年齢別人口市区町村(日本人)'!F101</f>
        <v>3346</v>
      </c>
      <c r="K87" s="23">
        <f>'[1]年齢別人口市区町村(外国人)'!F101</f>
        <v>55</v>
      </c>
      <c r="L87" s="24">
        <f>'[1]年齢別人口市区町村(総数)'!F101</f>
        <v>3401</v>
      </c>
      <c r="M87" s="23">
        <f>'[1]年齢別人口市区町村(日本人)'!G101</f>
        <v>3851</v>
      </c>
      <c r="N87" s="23">
        <f>'[1]年齢別人口市区町村(外国人)'!G101</f>
        <v>40</v>
      </c>
      <c r="O87" s="24">
        <f>'[1]年齢別人口市区町村(総数)'!G101</f>
        <v>3891</v>
      </c>
      <c r="P87" s="23">
        <f>'[1]年齢別人口市区町村(日本人)'!H101</f>
        <v>4201</v>
      </c>
      <c r="Q87" s="23">
        <f>'[1]年齢別人口市区町村(外国人)'!H101</f>
        <v>43</v>
      </c>
      <c r="R87" s="24">
        <f>'[1]年齢別人口市区町村(総数)'!H101</f>
        <v>4244</v>
      </c>
      <c r="S87" s="23">
        <f>'[1]年齢別人口市区町村(日本人)'!I101</f>
        <v>5023</v>
      </c>
      <c r="T87" s="23">
        <f>'[1]年齢別人口市区町村(外国人)'!I101</f>
        <v>276</v>
      </c>
      <c r="U87" s="24">
        <f>'[1]年齢別人口市区町村(総数)'!I101</f>
        <v>5299</v>
      </c>
      <c r="V87" s="23">
        <f>'[1]年齢別人口市区町村(日本人)'!J101</f>
        <v>5009</v>
      </c>
      <c r="W87" s="23">
        <f>'[1]年齢別人口市区町村(外国人)'!J101</f>
        <v>373</v>
      </c>
      <c r="X87" s="24">
        <f>'[1]年齢別人口市区町村(総数)'!J101</f>
        <v>5382</v>
      </c>
      <c r="Y87" s="23">
        <f>'[1]年齢別人口市区町村(日本人)'!K101</f>
        <v>4427</v>
      </c>
      <c r="Z87" s="23">
        <f>'[1]年齢別人口市区町村(外国人)'!K101</f>
        <v>321</v>
      </c>
      <c r="AA87" s="24">
        <f>'[1]年齢別人口市区町村(総数)'!K101</f>
        <v>4748</v>
      </c>
      <c r="AB87" s="23">
        <f>'[1]年齢別人口市区町村(日本人)'!L101</f>
        <v>4577</v>
      </c>
      <c r="AC87" s="23">
        <f>'[1]年齢別人口市区町村(外国人)'!L101</f>
        <v>206</v>
      </c>
      <c r="AD87" s="24">
        <f>'[1]年齢別人口市区町村(総数)'!L101</f>
        <v>4783</v>
      </c>
      <c r="AE87" s="23">
        <f>'[1]年齢別人口市区町村(日本人)'!M101</f>
        <v>5320</v>
      </c>
      <c r="AF87" s="23">
        <f>'[1]年齢別人口市区町村(外国人)'!M101</f>
        <v>162</v>
      </c>
      <c r="AG87" s="24">
        <f>'[1]年齢別人口市区町村(総数)'!M101</f>
        <v>5482</v>
      </c>
      <c r="AH87" s="23">
        <f>'[1]年齢別人口市区町村(日本人)'!N101</f>
        <v>6388</v>
      </c>
      <c r="AI87" s="23">
        <f>'[1]年齢別人口市区町村(外国人)'!N101</f>
        <v>118</v>
      </c>
      <c r="AJ87" s="24">
        <f>'[1]年齢別人口市区町村(総数)'!N101</f>
        <v>6506</v>
      </c>
      <c r="AK87" s="23">
        <f>'[1]年齢別人口市区町村(日本人)'!O101</f>
        <v>7652</v>
      </c>
      <c r="AL87" s="23">
        <f>'[1]年齢別人口市区町村(外国人)'!O101</f>
        <v>130</v>
      </c>
      <c r="AM87" s="24">
        <f>'[1]年齢別人口市区町村(総数)'!O101</f>
        <v>7782</v>
      </c>
      <c r="AN87" s="23">
        <f>'[1]年齢別人口市区町村(日本人)'!P101</f>
        <v>7082</v>
      </c>
      <c r="AO87" s="23">
        <f>'[1]年齢別人口市区町村(外国人)'!P101</f>
        <v>84</v>
      </c>
      <c r="AP87" s="24">
        <f>'[1]年齢別人口市区町村(総数)'!P101</f>
        <v>7166</v>
      </c>
      <c r="AQ87" s="23">
        <f>'[1]年齢別人口市区町村(日本人)'!Q101</f>
        <v>5828</v>
      </c>
      <c r="AR87" s="23">
        <f>'[1]年齢別人口市区町村(外国人)'!Q101</f>
        <v>66</v>
      </c>
      <c r="AS87" s="24">
        <f>'[1]年齢別人口市区町村(総数)'!Q101</f>
        <v>5894</v>
      </c>
      <c r="AT87" s="23">
        <f>'[1]年齢別人口市区町村(日本人)'!R101</f>
        <v>4690</v>
      </c>
      <c r="AU87" s="23">
        <f>'[1]年齢別人口市区町村(外国人)'!R101</f>
        <v>43</v>
      </c>
      <c r="AV87" s="24">
        <f>'[1]年齢別人口市区町村(総数)'!R101</f>
        <v>4733</v>
      </c>
      <c r="AW87" s="23">
        <f>'[1]年齢別人口市区町村(日本人)'!S101</f>
        <v>4503</v>
      </c>
      <c r="AX87" s="23">
        <f>'[1]年齢別人口市区町村(外国人)'!S101</f>
        <v>29</v>
      </c>
      <c r="AY87" s="24">
        <f>'[1]年齢別人口市区町村(総数)'!S101</f>
        <v>4532</v>
      </c>
      <c r="AZ87" s="23">
        <f>'[1]年齢別人口市区町村(日本人)'!T101</f>
        <v>5562</v>
      </c>
      <c r="BA87" s="23">
        <f>'[1]年齢別人口市区町村(外国人)'!T101</f>
        <v>11</v>
      </c>
      <c r="BB87" s="24">
        <f>'[1]年齢別人口市区町村(総数)'!T101</f>
        <v>5573</v>
      </c>
      <c r="BC87" s="23">
        <f>'[1]年齢別人口市区町村(日本人)'!U101</f>
        <v>4214</v>
      </c>
      <c r="BD87" s="23">
        <f>'[1]年齢別人口市区町村(外国人)'!U101</f>
        <v>10</v>
      </c>
      <c r="BE87" s="24">
        <f>'[1]年齢別人口市区町村(総数)'!U101</f>
        <v>4224</v>
      </c>
      <c r="BF87" s="23">
        <f>'[1]年齢別人口市区町村(日本人)'!V101</f>
        <v>2982</v>
      </c>
      <c r="BG87" s="23">
        <f>'[1]年齢別人口市区町村(外国人)'!V101</f>
        <v>6</v>
      </c>
      <c r="BH87" s="24">
        <f>'[1]年齢別人口市区町村(総数)'!V101</f>
        <v>2988</v>
      </c>
      <c r="BI87" s="23">
        <f>'[1]年齢別人口市区町村(日本人)'!W101</f>
        <v>1820</v>
      </c>
      <c r="BJ87" s="23">
        <f>'[1]年齢別人口市区町村(外国人)'!W101</f>
        <v>3</v>
      </c>
      <c r="BK87" s="24">
        <f>'[1]年齢別人口市区町村(総数)'!W101</f>
        <v>1823</v>
      </c>
      <c r="BL87" s="23">
        <f>'[1]年齢別人口市区町村(日本人)'!X101</f>
        <v>585</v>
      </c>
      <c r="BM87" s="23">
        <f>'[1]年齢別人口市区町村(外国人)'!X101</f>
        <v>1</v>
      </c>
      <c r="BN87" s="24">
        <f>'[1]年齢別人口市区町村(総数)'!X101</f>
        <v>586</v>
      </c>
      <c r="BO87" s="23">
        <f>'[1]年齢別人口市区町村(日本人)'!Y101</f>
        <v>106</v>
      </c>
      <c r="BP87" s="23">
        <f>'[1]年齢別人口市区町村(外国人)'!Y101</f>
        <v>0</v>
      </c>
      <c r="BQ87" s="61">
        <f>'[1]年齢別人口市区町村(総数)'!Y101</f>
        <v>106</v>
      </c>
    </row>
    <row r="88" spans="1:69" ht="15" thickBot="1" x14ac:dyDescent="0.2">
      <c r="A88" s="32"/>
      <c r="B88" s="25" t="s">
        <v>32</v>
      </c>
      <c r="C88" s="47"/>
      <c r="D88" s="26">
        <f>'[1]年齢別人口市区町村(日本人)'!D99</f>
        <v>173394</v>
      </c>
      <c r="E88" s="27">
        <f>'[1]年齢別人口市区町村(外国人)'!D99</f>
        <v>4316</v>
      </c>
      <c r="F88" s="28">
        <f>'[1]年齢別人口市区町村(総数)'!D99</f>
        <v>177710</v>
      </c>
      <c r="G88" s="27">
        <f>'[1]年齢別人口市区町村(日本人)'!E99</f>
        <v>5109</v>
      </c>
      <c r="H88" s="27">
        <f>'[1]年齢別人口市区町村(外国人)'!E99</f>
        <v>144</v>
      </c>
      <c r="I88" s="28">
        <f>'[1]年齢別人口市区町村(総数)'!E99</f>
        <v>5253</v>
      </c>
      <c r="J88" s="27">
        <f>'[1]年齢別人口市区町村(日本人)'!F99</f>
        <v>6821</v>
      </c>
      <c r="K88" s="27">
        <f>'[1]年齢別人口市区町村(外国人)'!F99</f>
        <v>117</v>
      </c>
      <c r="L88" s="28">
        <f>'[1]年齢別人口市区町村(総数)'!F99</f>
        <v>6938</v>
      </c>
      <c r="M88" s="27">
        <f>'[1]年齢別人口市区町村(日本人)'!G99</f>
        <v>7993</v>
      </c>
      <c r="N88" s="27">
        <f>'[1]年齢別人口市区町村(外国人)'!G99</f>
        <v>98</v>
      </c>
      <c r="O88" s="28">
        <f>'[1]年齢別人口市区町村(総数)'!G99</f>
        <v>8091</v>
      </c>
      <c r="P88" s="27">
        <f>'[1]年齢別人口市区町村(日本人)'!H99</f>
        <v>8477</v>
      </c>
      <c r="Q88" s="27">
        <f>'[1]年齢別人口市区町村(外国人)'!H99</f>
        <v>102</v>
      </c>
      <c r="R88" s="28">
        <f>'[1]年齢別人口市区町村(総数)'!H99</f>
        <v>8579</v>
      </c>
      <c r="S88" s="27">
        <f>'[1]年齢別人口市区町村(日本人)'!I99</f>
        <v>9635</v>
      </c>
      <c r="T88" s="27">
        <f>'[1]年齢別人口市区町村(外国人)'!I99</f>
        <v>635</v>
      </c>
      <c r="U88" s="28">
        <f>'[1]年齢別人口市区町村(総数)'!I99</f>
        <v>10270</v>
      </c>
      <c r="V88" s="27">
        <f>'[1]年齢別人口市区町村(日本人)'!J99</f>
        <v>9526</v>
      </c>
      <c r="W88" s="27">
        <f>'[1]年齢別人口市区町村(外国人)'!J99</f>
        <v>772</v>
      </c>
      <c r="X88" s="28">
        <f>'[1]年齢別人口市区町村(総数)'!J99</f>
        <v>10298</v>
      </c>
      <c r="Y88" s="27">
        <f>'[1]年齢別人口市区町村(日本人)'!K99</f>
        <v>8711</v>
      </c>
      <c r="Z88" s="27">
        <f>'[1]年齢別人口市区町村(外国人)'!K99</f>
        <v>699</v>
      </c>
      <c r="AA88" s="28">
        <f>'[1]年齢別人口市区町村(総数)'!K99</f>
        <v>9410</v>
      </c>
      <c r="AB88" s="27">
        <f>'[1]年齢別人口市区町村(日本人)'!L99</f>
        <v>9072</v>
      </c>
      <c r="AC88" s="27">
        <f>'[1]年齢別人口市区町村(外国人)'!L99</f>
        <v>448</v>
      </c>
      <c r="AD88" s="28">
        <f>'[1]年齢別人口市区町村(総数)'!L99</f>
        <v>9520</v>
      </c>
      <c r="AE88" s="27">
        <f>'[1]年齢別人口市区町村(日本人)'!M99</f>
        <v>10694</v>
      </c>
      <c r="AF88" s="27">
        <f>'[1]年齢別人口市区町村(外国人)'!M99</f>
        <v>356</v>
      </c>
      <c r="AG88" s="28">
        <f>'[1]年齢別人口市区町村(総数)'!M99</f>
        <v>11050</v>
      </c>
      <c r="AH88" s="27">
        <f>'[1]年齢別人口市区町村(日本人)'!N99</f>
        <v>12638</v>
      </c>
      <c r="AI88" s="27">
        <f>'[1]年齢別人口市区町村(外国人)'!N99</f>
        <v>238</v>
      </c>
      <c r="AJ88" s="28">
        <f>'[1]年齢別人口市区町村(総数)'!N99</f>
        <v>12876</v>
      </c>
      <c r="AK88" s="27">
        <f>'[1]年齢別人口市区町村(日本人)'!O99</f>
        <v>14983</v>
      </c>
      <c r="AL88" s="27">
        <f>'[1]年齢別人口市区町村(外国人)'!O99</f>
        <v>229</v>
      </c>
      <c r="AM88" s="28">
        <f>'[1]年齢別人口市区町村(総数)'!O99</f>
        <v>15212</v>
      </c>
      <c r="AN88" s="27">
        <f>'[1]年齢別人口市区町村(日本人)'!P99</f>
        <v>14201</v>
      </c>
      <c r="AO88" s="27">
        <f>'[1]年齢別人口市区町村(外国人)'!P99</f>
        <v>168</v>
      </c>
      <c r="AP88" s="28">
        <f>'[1]年齢別人口市区町村(総数)'!P99</f>
        <v>14369</v>
      </c>
      <c r="AQ88" s="27">
        <f>'[1]年齢別人口市区町村(日本人)'!Q99</f>
        <v>11912</v>
      </c>
      <c r="AR88" s="27">
        <f>'[1]年齢別人口市区町村(外国人)'!Q99</f>
        <v>122</v>
      </c>
      <c r="AS88" s="28">
        <f>'[1]年齢別人口市区町村(総数)'!Q99</f>
        <v>12034</v>
      </c>
      <c r="AT88" s="27">
        <f>'[1]年齢別人口市区町村(日本人)'!R99</f>
        <v>9310</v>
      </c>
      <c r="AU88" s="27">
        <f>'[1]年齢別人口市区町村(外国人)'!R99</f>
        <v>80</v>
      </c>
      <c r="AV88" s="28">
        <f>'[1]年齢別人口市区町村(総数)'!R99</f>
        <v>9390</v>
      </c>
      <c r="AW88" s="27">
        <f>'[1]年齢別人口市区町村(日本人)'!S99</f>
        <v>8433</v>
      </c>
      <c r="AX88" s="27">
        <f>'[1]年齢別人口市区町村(外国人)'!S99</f>
        <v>53</v>
      </c>
      <c r="AY88" s="28">
        <f>'[1]年齢別人口市区町村(総数)'!S99</f>
        <v>8486</v>
      </c>
      <c r="AZ88" s="27">
        <f>'[1]年齢別人口市区町村(日本人)'!T99</f>
        <v>10043</v>
      </c>
      <c r="BA88" s="27">
        <f>'[1]年齢別人口市区町村(外国人)'!T99</f>
        <v>21</v>
      </c>
      <c r="BB88" s="28">
        <f>'[1]年齢別人口市区町村(総数)'!T99</f>
        <v>10064</v>
      </c>
      <c r="BC88" s="27">
        <f>'[1]年齢別人口市区町村(日本人)'!U99</f>
        <v>7284</v>
      </c>
      <c r="BD88" s="27">
        <f>'[1]年齢別人口市区町村(外国人)'!U99</f>
        <v>15</v>
      </c>
      <c r="BE88" s="28">
        <f>'[1]年齢別人口市区町村(総数)'!U99</f>
        <v>7299</v>
      </c>
      <c r="BF88" s="27">
        <f>'[1]年齢別人口市区町村(日本人)'!V99</f>
        <v>4983</v>
      </c>
      <c r="BG88" s="27">
        <f>'[1]年齢別人口市区町村(外国人)'!V99</f>
        <v>12</v>
      </c>
      <c r="BH88" s="28">
        <f>'[1]年齢別人口市区町村(総数)'!V99</f>
        <v>4995</v>
      </c>
      <c r="BI88" s="27">
        <f>'[1]年齢別人口市区町村(日本人)'!W99</f>
        <v>2678</v>
      </c>
      <c r="BJ88" s="27">
        <f>'[1]年齢別人口市区町村(外国人)'!W99</f>
        <v>5</v>
      </c>
      <c r="BK88" s="28">
        <f>'[1]年齢別人口市区町村(総数)'!W99</f>
        <v>2683</v>
      </c>
      <c r="BL88" s="27">
        <f>'[1]年齢別人口市区町村(日本人)'!X99</f>
        <v>764</v>
      </c>
      <c r="BM88" s="27">
        <f>'[1]年齢別人口市区町村(外国人)'!X99</f>
        <v>1</v>
      </c>
      <c r="BN88" s="28">
        <f>'[1]年齢別人口市区町村(総数)'!X99</f>
        <v>765</v>
      </c>
      <c r="BO88" s="27">
        <f>'[1]年齢別人口市区町村(日本人)'!Y99</f>
        <v>127</v>
      </c>
      <c r="BP88" s="27">
        <f>'[1]年齢別人口市区町村(外国人)'!Y99</f>
        <v>1</v>
      </c>
      <c r="BQ88" s="62">
        <f>'[1]年齢別人口市区町村(総数)'!Y99</f>
        <v>128</v>
      </c>
    </row>
    <row r="89" spans="1:69" x14ac:dyDescent="0.15">
      <c r="A89" s="20"/>
      <c r="B89" s="17" t="s">
        <v>29</v>
      </c>
      <c r="C89" s="45">
        <v>141500</v>
      </c>
      <c r="D89" s="18">
        <f>'[1]年齢別人口市区町村(日本人)'!D104</f>
        <v>346287</v>
      </c>
      <c r="E89" s="19">
        <f>'[1]年齢別人口市区町村(外国人)'!D104</f>
        <v>11199</v>
      </c>
      <c r="F89" s="19">
        <f>'[1]年齢別人口市区町村(総数)'!D104</f>
        <v>357486</v>
      </c>
      <c r="G89" s="19">
        <f>'[1]年齢別人口市区町村(日本人)'!E104</f>
        <v>10227</v>
      </c>
      <c r="H89" s="19">
        <f>'[1]年齢別人口市区町村(外国人)'!E104</f>
        <v>390</v>
      </c>
      <c r="I89" s="19">
        <f>'[1]年齢別人口市区町村(総数)'!E104</f>
        <v>10617</v>
      </c>
      <c r="J89" s="19">
        <f>'[1]年齢別人口市区町村(日本人)'!F104</f>
        <v>12485</v>
      </c>
      <c r="K89" s="19">
        <f>'[1]年齢別人口市区町村(外国人)'!F104</f>
        <v>296</v>
      </c>
      <c r="L89" s="19">
        <f>'[1]年齢別人口市区町村(総数)'!F104</f>
        <v>12781</v>
      </c>
      <c r="M89" s="19">
        <f>'[1]年齢別人口市区町村(日本人)'!G104</f>
        <v>14526</v>
      </c>
      <c r="N89" s="19">
        <f>'[1]年齢別人口市区町村(外国人)'!G104</f>
        <v>301</v>
      </c>
      <c r="O89" s="19">
        <f>'[1]年齢別人口市区町村(総数)'!G104</f>
        <v>14827</v>
      </c>
      <c r="P89" s="19">
        <f>'[1]年齢別人口市区町村(日本人)'!H104</f>
        <v>15720</v>
      </c>
      <c r="Q89" s="19">
        <f>'[1]年齢別人口市区町村(外国人)'!H104</f>
        <v>326</v>
      </c>
      <c r="R89" s="19">
        <f>'[1]年齢別人口市区町村(総数)'!H104</f>
        <v>16046</v>
      </c>
      <c r="S89" s="19">
        <f>'[1]年齢別人口市区町村(日本人)'!I104</f>
        <v>17278</v>
      </c>
      <c r="T89" s="19">
        <f>'[1]年齢別人口市区町村(外国人)'!I104</f>
        <v>1844</v>
      </c>
      <c r="U89" s="19">
        <f>'[1]年齢別人口市区町村(総数)'!I104</f>
        <v>19122</v>
      </c>
      <c r="V89" s="19">
        <f>'[1]年齢別人口市区町村(日本人)'!J104</f>
        <v>18386</v>
      </c>
      <c r="W89" s="19">
        <f>'[1]年齢別人口市区町村(外国人)'!J104</f>
        <v>2220</v>
      </c>
      <c r="X89" s="19">
        <f>'[1]年齢別人口市区町村(総数)'!J104</f>
        <v>20606</v>
      </c>
      <c r="Y89" s="19">
        <f>'[1]年齢別人口市区町村(日本人)'!K104</f>
        <v>19133</v>
      </c>
      <c r="Z89" s="19">
        <f>'[1]年齢別人口市区町村(外国人)'!K104</f>
        <v>1728</v>
      </c>
      <c r="AA89" s="19">
        <f>'[1]年齢別人口市区町村(総数)'!K104</f>
        <v>20861</v>
      </c>
      <c r="AB89" s="19">
        <f>'[1]年齢別人口市区町村(日本人)'!L104</f>
        <v>20015</v>
      </c>
      <c r="AC89" s="19">
        <f>'[1]年齢別人口市区町村(外国人)'!L104</f>
        <v>1118</v>
      </c>
      <c r="AD89" s="19">
        <f>'[1]年齢別人口市区町村(総数)'!L104</f>
        <v>21133</v>
      </c>
      <c r="AE89" s="19">
        <f>'[1]年齢別人口市区町村(日本人)'!M104</f>
        <v>22541</v>
      </c>
      <c r="AF89" s="19">
        <f>'[1]年齢別人口市区町村(外国人)'!M104</f>
        <v>764</v>
      </c>
      <c r="AG89" s="19">
        <f>'[1]年齢別人口市区町村(総数)'!M104</f>
        <v>23305</v>
      </c>
      <c r="AH89" s="19">
        <f>'[1]年齢別人口市区町村(日本人)'!N104</f>
        <v>25962</v>
      </c>
      <c r="AI89" s="19">
        <f>'[1]年齢別人口市区町村(外国人)'!N104</f>
        <v>568</v>
      </c>
      <c r="AJ89" s="19">
        <f>'[1]年齢別人口市区町村(総数)'!N104</f>
        <v>26530</v>
      </c>
      <c r="AK89" s="19">
        <f>'[1]年齢別人口市区町村(日本人)'!O104</f>
        <v>31521</v>
      </c>
      <c r="AL89" s="19">
        <f>'[1]年齢別人口市区町村(外国人)'!O104</f>
        <v>418</v>
      </c>
      <c r="AM89" s="19">
        <f>'[1]年齢別人口市区町村(総数)'!O104</f>
        <v>31939</v>
      </c>
      <c r="AN89" s="19">
        <f>'[1]年齢別人口市区町村(日本人)'!P104</f>
        <v>28948</v>
      </c>
      <c r="AO89" s="19">
        <f>'[1]年齢別人口市区町村(外国人)'!P104</f>
        <v>438</v>
      </c>
      <c r="AP89" s="19">
        <f>'[1]年齢別人口市区町村(総数)'!P104</f>
        <v>29386</v>
      </c>
      <c r="AQ89" s="19">
        <f>'[1]年齢別人口市区町村(日本人)'!Q104</f>
        <v>23949</v>
      </c>
      <c r="AR89" s="19">
        <f>'[1]年齢別人口市区町村(外国人)'!Q104</f>
        <v>349</v>
      </c>
      <c r="AS89" s="19">
        <f>'[1]年齢別人口市区町村(総数)'!Q104</f>
        <v>24298</v>
      </c>
      <c r="AT89" s="19">
        <f>'[1]年齢別人口市区町村(日本人)'!R104</f>
        <v>18617</v>
      </c>
      <c r="AU89" s="19">
        <f>'[1]年齢別人口市区町村(外国人)'!R104</f>
        <v>201</v>
      </c>
      <c r="AV89" s="19">
        <f>'[1]年齢別人口市区町村(総数)'!R104</f>
        <v>18818</v>
      </c>
      <c r="AW89" s="19">
        <f>'[1]年齢別人口市区町村(日本人)'!S104</f>
        <v>18866</v>
      </c>
      <c r="AX89" s="19">
        <f>'[1]年齢別人口市区町村(外国人)'!S104</f>
        <v>115</v>
      </c>
      <c r="AY89" s="19">
        <f>'[1]年齢別人口市区町村(総数)'!S104</f>
        <v>18981</v>
      </c>
      <c r="AZ89" s="19">
        <f>'[1]年齢別人口市区町村(日本人)'!T104</f>
        <v>20626</v>
      </c>
      <c r="BA89" s="19">
        <f>'[1]年齢別人口市区町村(外国人)'!T104</f>
        <v>68</v>
      </c>
      <c r="BB89" s="19">
        <f>'[1]年齢別人口市区町村(総数)'!T104</f>
        <v>20694</v>
      </c>
      <c r="BC89" s="19">
        <f>'[1]年齢別人口市区町村(日本人)'!U104</f>
        <v>14901</v>
      </c>
      <c r="BD89" s="19">
        <f>'[1]年齢別人口市区町村(外国人)'!U104</f>
        <v>32</v>
      </c>
      <c r="BE89" s="19">
        <f>'[1]年齢別人口市区町村(総数)'!U104</f>
        <v>14933</v>
      </c>
      <c r="BF89" s="19">
        <f>'[1]年齢別人口市区町村(日本人)'!V104</f>
        <v>8938</v>
      </c>
      <c r="BG89" s="19">
        <f>'[1]年齢別人口市区町村(外国人)'!V104</f>
        <v>14</v>
      </c>
      <c r="BH89" s="19">
        <f>'[1]年齢別人口市区町村(総数)'!V104</f>
        <v>8952</v>
      </c>
      <c r="BI89" s="19">
        <f>'[1]年齢別人口市区町村(日本人)'!W104</f>
        <v>3016</v>
      </c>
      <c r="BJ89" s="19">
        <f>'[1]年齢別人口市区町村(外国人)'!W104</f>
        <v>8</v>
      </c>
      <c r="BK89" s="19">
        <f>'[1]年齢別人口市区町村(総数)'!W104</f>
        <v>3024</v>
      </c>
      <c r="BL89" s="19">
        <f>'[1]年齢別人口市区町村(日本人)'!X104</f>
        <v>577</v>
      </c>
      <c r="BM89" s="19">
        <f>'[1]年齢別人口市区町村(外国人)'!X104</f>
        <v>1</v>
      </c>
      <c r="BN89" s="19">
        <f>'[1]年齢別人口市区町村(総数)'!X104</f>
        <v>578</v>
      </c>
      <c r="BO89" s="19">
        <f>'[1]年齢別人口市区町村(日本人)'!Y104</f>
        <v>55</v>
      </c>
      <c r="BP89" s="19">
        <f>'[1]年齢別人口市区町村(外国人)'!Y104</f>
        <v>0</v>
      </c>
      <c r="BQ89" s="60">
        <f>'[1]年齢別人口市区町村(総数)'!Y104</f>
        <v>55</v>
      </c>
    </row>
    <row r="90" spans="1:69" x14ac:dyDescent="0.15">
      <c r="A90" s="20" t="s">
        <v>60</v>
      </c>
      <c r="B90" s="21" t="s">
        <v>31</v>
      </c>
      <c r="C90" s="46"/>
      <c r="D90" s="22">
        <f>'[1]年齢別人口市区町村(日本人)'!D105</f>
        <v>346011</v>
      </c>
      <c r="E90" s="23">
        <f>'[1]年齢別人口市区町村(外国人)'!D105</f>
        <v>10939</v>
      </c>
      <c r="F90" s="24">
        <f>'[1]年齢別人口市区町村(総数)'!D105</f>
        <v>356950</v>
      </c>
      <c r="G90" s="23">
        <f>'[1]年齢別人口市区町村(日本人)'!E105</f>
        <v>9475</v>
      </c>
      <c r="H90" s="23">
        <f>'[1]年齢別人口市区町村(外国人)'!E105</f>
        <v>357</v>
      </c>
      <c r="I90" s="24">
        <f>'[1]年齢別人口市区町村(総数)'!E105</f>
        <v>9832</v>
      </c>
      <c r="J90" s="23">
        <f>'[1]年齢別人口市区町村(日本人)'!F105</f>
        <v>12229</v>
      </c>
      <c r="K90" s="23">
        <f>'[1]年齢別人口市区町村(外国人)'!F105</f>
        <v>288</v>
      </c>
      <c r="L90" s="24">
        <f>'[1]年齢別人口市区町村(総数)'!F105</f>
        <v>12517</v>
      </c>
      <c r="M90" s="23">
        <f>'[1]年齢別人口市区町村(日本人)'!G105</f>
        <v>13628</v>
      </c>
      <c r="N90" s="23">
        <f>'[1]年齢別人口市区町村(外国人)'!G105</f>
        <v>262</v>
      </c>
      <c r="O90" s="24">
        <f>'[1]年齢別人口市区町村(総数)'!G105</f>
        <v>13890</v>
      </c>
      <c r="P90" s="23">
        <f>'[1]年齢別人口市区町村(日本人)'!H105</f>
        <v>15191</v>
      </c>
      <c r="Q90" s="23">
        <f>'[1]年齢別人口市区町村(外国人)'!H105</f>
        <v>330</v>
      </c>
      <c r="R90" s="24">
        <f>'[1]年齢別人口市区町村(総数)'!H105</f>
        <v>15521</v>
      </c>
      <c r="S90" s="23">
        <f>'[1]年齢別人口市区町村(日本人)'!I105</f>
        <v>17156</v>
      </c>
      <c r="T90" s="23">
        <f>'[1]年齢別人口市区町村(外国人)'!I105</f>
        <v>1502</v>
      </c>
      <c r="U90" s="24">
        <f>'[1]年齢別人口市区町村(総数)'!I105</f>
        <v>18658</v>
      </c>
      <c r="V90" s="23">
        <f>'[1]年齢別人口市区町村(日本人)'!J105</f>
        <v>17648</v>
      </c>
      <c r="W90" s="23">
        <f>'[1]年齢別人口市区町村(外国人)'!J105</f>
        <v>1810</v>
      </c>
      <c r="X90" s="24">
        <f>'[1]年齢別人口市区町村(総数)'!J105</f>
        <v>19458</v>
      </c>
      <c r="Y90" s="23">
        <f>'[1]年齢別人口市区町村(日本人)'!K105</f>
        <v>17583</v>
      </c>
      <c r="Z90" s="23">
        <f>'[1]年齢別人口市区町村(外国人)'!K105</f>
        <v>1371</v>
      </c>
      <c r="AA90" s="24">
        <f>'[1]年齢別人口市区町村(総数)'!K105</f>
        <v>18954</v>
      </c>
      <c r="AB90" s="23">
        <f>'[1]年齢別人口市区町村(日本人)'!L105</f>
        <v>17784</v>
      </c>
      <c r="AC90" s="23">
        <f>'[1]年齢別人口市区町村(外国人)'!L105</f>
        <v>960</v>
      </c>
      <c r="AD90" s="24">
        <f>'[1]年齢別人口市区町村(総数)'!L105</f>
        <v>18744</v>
      </c>
      <c r="AE90" s="23">
        <f>'[1]年齢別人口市区町村(日本人)'!M105</f>
        <v>20193</v>
      </c>
      <c r="AF90" s="23">
        <f>'[1]年齢別人口市区町村(外国人)'!M105</f>
        <v>790</v>
      </c>
      <c r="AG90" s="24">
        <f>'[1]年齢別人口市区町村(総数)'!M105</f>
        <v>20983</v>
      </c>
      <c r="AH90" s="23">
        <f>'[1]年齢別人口市区町村(日本人)'!N105</f>
        <v>23197</v>
      </c>
      <c r="AI90" s="23">
        <f>'[1]年齢別人口市区町村(外国人)'!N105</f>
        <v>770</v>
      </c>
      <c r="AJ90" s="24">
        <f>'[1]年齢別人口市区町村(総数)'!N105</f>
        <v>23967</v>
      </c>
      <c r="AK90" s="23">
        <f>'[1]年齢別人口市区町村(日本人)'!O105</f>
        <v>28685</v>
      </c>
      <c r="AL90" s="23">
        <f>'[1]年齢別人口市区町村(外国人)'!O105</f>
        <v>684</v>
      </c>
      <c r="AM90" s="24">
        <f>'[1]年齢別人口市区町村(総数)'!O105</f>
        <v>29369</v>
      </c>
      <c r="AN90" s="23">
        <f>'[1]年齢別人口市区町村(日本人)'!P105</f>
        <v>26125</v>
      </c>
      <c r="AO90" s="23">
        <f>'[1]年齢別人口市区町村(外国人)'!P105</f>
        <v>690</v>
      </c>
      <c r="AP90" s="24">
        <f>'[1]年齢別人口市区町村(総数)'!P105</f>
        <v>26815</v>
      </c>
      <c r="AQ90" s="23">
        <f>'[1]年齢別人口市区町村(日本人)'!Q105</f>
        <v>21952</v>
      </c>
      <c r="AR90" s="23">
        <f>'[1]年齢別人口市区町村(外国人)'!Q105</f>
        <v>472</v>
      </c>
      <c r="AS90" s="24">
        <f>'[1]年齢別人口市区町村(総数)'!Q105</f>
        <v>22424</v>
      </c>
      <c r="AT90" s="23">
        <f>'[1]年齢別人口市区町村(日本人)'!R105</f>
        <v>18163</v>
      </c>
      <c r="AU90" s="23">
        <f>'[1]年齢別人口市区町村(外国人)'!R105</f>
        <v>302</v>
      </c>
      <c r="AV90" s="24">
        <f>'[1]年齢別人口市区町村(総数)'!R105</f>
        <v>18465</v>
      </c>
      <c r="AW90" s="23">
        <f>'[1]年齢別人口市区町村(日本人)'!S105</f>
        <v>20332</v>
      </c>
      <c r="AX90" s="23">
        <f>'[1]年齢別人口市区町村(外国人)'!S105</f>
        <v>164</v>
      </c>
      <c r="AY90" s="24">
        <f>'[1]年齢別人口市区町村(総数)'!S105</f>
        <v>20496</v>
      </c>
      <c r="AZ90" s="23">
        <f>'[1]年齢別人口市区町村(日本人)'!T105</f>
        <v>25462</v>
      </c>
      <c r="BA90" s="23">
        <f>'[1]年齢別人口市区町村(外国人)'!T105</f>
        <v>95</v>
      </c>
      <c r="BB90" s="24">
        <f>'[1]年齢別人口市区町村(総数)'!T105</f>
        <v>25557</v>
      </c>
      <c r="BC90" s="23">
        <f>'[1]年齢別人口市区町村(日本人)'!U105</f>
        <v>19984</v>
      </c>
      <c r="BD90" s="23">
        <f>'[1]年齢別人口市区町村(外国人)'!U105</f>
        <v>51</v>
      </c>
      <c r="BE90" s="24">
        <f>'[1]年齢別人口市区町村(総数)'!U105</f>
        <v>20035</v>
      </c>
      <c r="BF90" s="23">
        <f>'[1]年齢別人口市区町村(日本人)'!V105</f>
        <v>12799</v>
      </c>
      <c r="BG90" s="23">
        <f>'[1]年齢別人口市区町村(外国人)'!V105</f>
        <v>26</v>
      </c>
      <c r="BH90" s="24">
        <f>'[1]年齢別人口市区町村(総数)'!V105</f>
        <v>12825</v>
      </c>
      <c r="BI90" s="23">
        <f>'[1]年齢別人口市区町村(日本人)'!W105</f>
        <v>6267</v>
      </c>
      <c r="BJ90" s="23">
        <f>'[1]年齢別人口市区町村(外国人)'!W105</f>
        <v>11</v>
      </c>
      <c r="BK90" s="24">
        <f>'[1]年齢別人口市区町村(総数)'!W105</f>
        <v>6278</v>
      </c>
      <c r="BL90" s="23">
        <f>'[1]年齢別人口市区町村(日本人)'!X105</f>
        <v>1862</v>
      </c>
      <c r="BM90" s="23">
        <f>'[1]年齢別人口市区町村(外国人)'!X105</f>
        <v>3</v>
      </c>
      <c r="BN90" s="24">
        <f>'[1]年齢別人口市区町村(総数)'!X105</f>
        <v>1865</v>
      </c>
      <c r="BO90" s="23">
        <f>'[1]年齢別人口市区町村(日本人)'!Y105</f>
        <v>296</v>
      </c>
      <c r="BP90" s="23">
        <f>'[1]年齢別人口市区町村(外国人)'!Y105</f>
        <v>1</v>
      </c>
      <c r="BQ90" s="61">
        <f>'[1]年齢別人口市区町村(総数)'!Y105</f>
        <v>297</v>
      </c>
    </row>
    <row r="91" spans="1:69" ht="15" thickBot="1" x14ac:dyDescent="0.2">
      <c r="A91" s="29"/>
      <c r="B91" s="25" t="s">
        <v>32</v>
      </c>
      <c r="C91" s="47"/>
      <c r="D91" s="26">
        <f>'[1]年齢別人口市区町村(日本人)'!D103</f>
        <v>692298</v>
      </c>
      <c r="E91" s="27">
        <f>'[1]年齢別人口市区町村(外国人)'!D103</f>
        <v>22138</v>
      </c>
      <c r="F91" s="28">
        <f>'[1]年齢別人口市区町村(総数)'!D103</f>
        <v>714436</v>
      </c>
      <c r="G91" s="27">
        <f>'[1]年齢別人口市区町村(日本人)'!E103</f>
        <v>19702</v>
      </c>
      <c r="H91" s="27">
        <f>'[1]年齢別人口市区町村(外国人)'!E103</f>
        <v>747</v>
      </c>
      <c r="I91" s="28">
        <f>'[1]年齢別人口市区町村(総数)'!E103</f>
        <v>20449</v>
      </c>
      <c r="J91" s="27">
        <f>'[1]年齢別人口市区町村(日本人)'!F103</f>
        <v>24714</v>
      </c>
      <c r="K91" s="27">
        <f>'[1]年齢別人口市区町村(外国人)'!F103</f>
        <v>584</v>
      </c>
      <c r="L91" s="28">
        <f>'[1]年齢別人口市区町村(総数)'!F103</f>
        <v>25298</v>
      </c>
      <c r="M91" s="27">
        <f>'[1]年齢別人口市区町村(日本人)'!G103</f>
        <v>28154</v>
      </c>
      <c r="N91" s="27">
        <f>'[1]年齢別人口市区町村(外国人)'!G103</f>
        <v>563</v>
      </c>
      <c r="O91" s="28">
        <f>'[1]年齢別人口市区町村(総数)'!G103</f>
        <v>28717</v>
      </c>
      <c r="P91" s="27">
        <f>'[1]年齢別人口市区町村(日本人)'!H103</f>
        <v>30911</v>
      </c>
      <c r="Q91" s="27">
        <f>'[1]年齢別人口市区町村(外国人)'!H103</f>
        <v>656</v>
      </c>
      <c r="R91" s="28">
        <f>'[1]年齢別人口市区町村(総数)'!H103</f>
        <v>31567</v>
      </c>
      <c r="S91" s="27">
        <f>'[1]年齢別人口市区町村(日本人)'!I103</f>
        <v>34434</v>
      </c>
      <c r="T91" s="27">
        <f>'[1]年齢別人口市区町村(外国人)'!I103</f>
        <v>3346</v>
      </c>
      <c r="U91" s="28">
        <f>'[1]年齢別人口市区町村(総数)'!I103</f>
        <v>37780</v>
      </c>
      <c r="V91" s="27">
        <f>'[1]年齢別人口市区町村(日本人)'!J103</f>
        <v>36034</v>
      </c>
      <c r="W91" s="27">
        <f>'[1]年齢別人口市区町村(外国人)'!J103</f>
        <v>4030</v>
      </c>
      <c r="X91" s="28">
        <f>'[1]年齢別人口市区町村(総数)'!J103</f>
        <v>40064</v>
      </c>
      <c r="Y91" s="27">
        <f>'[1]年齢別人口市区町村(日本人)'!K103</f>
        <v>36716</v>
      </c>
      <c r="Z91" s="27">
        <f>'[1]年齢別人口市区町村(外国人)'!K103</f>
        <v>3099</v>
      </c>
      <c r="AA91" s="28">
        <f>'[1]年齢別人口市区町村(総数)'!K103</f>
        <v>39815</v>
      </c>
      <c r="AB91" s="27">
        <f>'[1]年齢別人口市区町村(日本人)'!L103</f>
        <v>37799</v>
      </c>
      <c r="AC91" s="27">
        <f>'[1]年齢別人口市区町村(外国人)'!L103</f>
        <v>2078</v>
      </c>
      <c r="AD91" s="28">
        <f>'[1]年齢別人口市区町村(総数)'!L103</f>
        <v>39877</v>
      </c>
      <c r="AE91" s="27">
        <f>'[1]年齢別人口市区町村(日本人)'!M103</f>
        <v>42734</v>
      </c>
      <c r="AF91" s="27">
        <f>'[1]年齢別人口市区町村(外国人)'!M103</f>
        <v>1554</v>
      </c>
      <c r="AG91" s="28">
        <f>'[1]年齢別人口市区町村(総数)'!M103</f>
        <v>44288</v>
      </c>
      <c r="AH91" s="27">
        <f>'[1]年齢別人口市区町村(日本人)'!N103</f>
        <v>49159</v>
      </c>
      <c r="AI91" s="27">
        <f>'[1]年齢別人口市区町村(外国人)'!N103</f>
        <v>1338</v>
      </c>
      <c r="AJ91" s="28">
        <f>'[1]年齢別人口市区町村(総数)'!N103</f>
        <v>50497</v>
      </c>
      <c r="AK91" s="27">
        <f>'[1]年齢別人口市区町村(日本人)'!O103</f>
        <v>60206</v>
      </c>
      <c r="AL91" s="27">
        <f>'[1]年齢別人口市区町村(外国人)'!O103</f>
        <v>1102</v>
      </c>
      <c r="AM91" s="28">
        <f>'[1]年齢別人口市区町村(総数)'!O103</f>
        <v>61308</v>
      </c>
      <c r="AN91" s="27">
        <f>'[1]年齢別人口市区町村(日本人)'!P103</f>
        <v>55073</v>
      </c>
      <c r="AO91" s="27">
        <f>'[1]年齢別人口市区町村(外国人)'!P103</f>
        <v>1128</v>
      </c>
      <c r="AP91" s="28">
        <f>'[1]年齢別人口市区町村(総数)'!P103</f>
        <v>56201</v>
      </c>
      <c r="AQ91" s="27">
        <f>'[1]年齢別人口市区町村(日本人)'!Q103</f>
        <v>45901</v>
      </c>
      <c r="AR91" s="27">
        <f>'[1]年齢別人口市区町村(外国人)'!Q103</f>
        <v>821</v>
      </c>
      <c r="AS91" s="28">
        <f>'[1]年齢別人口市区町村(総数)'!Q103</f>
        <v>46722</v>
      </c>
      <c r="AT91" s="27">
        <f>'[1]年齢別人口市区町村(日本人)'!R103</f>
        <v>36780</v>
      </c>
      <c r="AU91" s="27">
        <f>'[1]年齢別人口市区町村(外国人)'!R103</f>
        <v>503</v>
      </c>
      <c r="AV91" s="28">
        <f>'[1]年齢別人口市区町村(総数)'!R103</f>
        <v>37283</v>
      </c>
      <c r="AW91" s="27">
        <f>'[1]年齢別人口市区町村(日本人)'!S103</f>
        <v>39198</v>
      </c>
      <c r="AX91" s="27">
        <f>'[1]年齢別人口市区町村(外国人)'!S103</f>
        <v>279</v>
      </c>
      <c r="AY91" s="28">
        <f>'[1]年齢別人口市区町村(総数)'!S103</f>
        <v>39477</v>
      </c>
      <c r="AZ91" s="27">
        <f>'[1]年齢別人口市区町村(日本人)'!T103</f>
        <v>46088</v>
      </c>
      <c r="BA91" s="27">
        <f>'[1]年齢別人口市区町村(外国人)'!T103</f>
        <v>163</v>
      </c>
      <c r="BB91" s="28">
        <f>'[1]年齢別人口市区町村(総数)'!T103</f>
        <v>46251</v>
      </c>
      <c r="BC91" s="27">
        <f>'[1]年齢別人口市区町村(日本人)'!U103</f>
        <v>34885</v>
      </c>
      <c r="BD91" s="27">
        <f>'[1]年齢別人口市区町村(外国人)'!U103</f>
        <v>83</v>
      </c>
      <c r="BE91" s="28">
        <f>'[1]年齢別人口市区町村(総数)'!U103</f>
        <v>34968</v>
      </c>
      <c r="BF91" s="27">
        <f>'[1]年齢別人口市区町村(日本人)'!V103</f>
        <v>21737</v>
      </c>
      <c r="BG91" s="27">
        <f>'[1]年齢別人口市区町村(外国人)'!V103</f>
        <v>40</v>
      </c>
      <c r="BH91" s="28">
        <f>'[1]年齢別人口市区町村(総数)'!V103</f>
        <v>21777</v>
      </c>
      <c r="BI91" s="27">
        <f>'[1]年齢別人口市区町村(日本人)'!W103</f>
        <v>9283</v>
      </c>
      <c r="BJ91" s="27">
        <f>'[1]年齢別人口市区町村(外国人)'!W103</f>
        <v>19</v>
      </c>
      <c r="BK91" s="28">
        <f>'[1]年齢別人口市区町村(総数)'!W103</f>
        <v>9302</v>
      </c>
      <c r="BL91" s="27">
        <f>'[1]年齢別人口市区町村(日本人)'!X103</f>
        <v>2439</v>
      </c>
      <c r="BM91" s="27">
        <f>'[1]年齢別人口市区町村(外国人)'!X103</f>
        <v>4</v>
      </c>
      <c r="BN91" s="28">
        <f>'[1]年齢別人口市区町村(総数)'!X103</f>
        <v>2443</v>
      </c>
      <c r="BO91" s="27">
        <f>'[1]年齢別人口市区町村(日本人)'!Y103</f>
        <v>351</v>
      </c>
      <c r="BP91" s="27">
        <f>'[1]年齢別人口市区町村(外国人)'!Y103</f>
        <v>1</v>
      </c>
      <c r="BQ91" s="62">
        <f>'[1]年齢別人口市区町村(総数)'!Y103</f>
        <v>352</v>
      </c>
    </row>
    <row r="92" spans="1:69" x14ac:dyDescent="0.15">
      <c r="A92" s="31"/>
      <c r="B92" s="17" t="s">
        <v>29</v>
      </c>
      <c r="C92" s="45">
        <v>141518</v>
      </c>
      <c r="D92" s="18">
        <f>'[1]年齢別人口市区町村(日本人)'!D108</f>
        <v>80720</v>
      </c>
      <c r="E92" s="19">
        <f>'[1]年齢別人口市区町村(外国人)'!D108</f>
        <v>2319</v>
      </c>
      <c r="F92" s="19">
        <f>'[1]年齢別人口市区町村(総数)'!D108</f>
        <v>83039</v>
      </c>
      <c r="G92" s="19">
        <f>'[1]年齢別人口市区町村(日本人)'!E108</f>
        <v>2183</v>
      </c>
      <c r="H92" s="19">
        <f>'[1]年齢別人口市区町村(外国人)'!E108</f>
        <v>73</v>
      </c>
      <c r="I92" s="19">
        <f>'[1]年齢別人口市区町村(総数)'!E108</f>
        <v>2256</v>
      </c>
      <c r="J92" s="19">
        <f>'[1]年齢別人口市区町村(日本人)'!F108</f>
        <v>2706</v>
      </c>
      <c r="K92" s="19">
        <f>'[1]年齢別人口市区町村(外国人)'!F108</f>
        <v>45</v>
      </c>
      <c r="L92" s="19">
        <f>'[1]年齢別人口市区町村(総数)'!F108</f>
        <v>2751</v>
      </c>
      <c r="M92" s="19">
        <f>'[1]年齢別人口市区町村(日本人)'!G108</f>
        <v>3252</v>
      </c>
      <c r="N92" s="19">
        <f>'[1]年齢別人口市区町村(外国人)'!G108</f>
        <v>57</v>
      </c>
      <c r="O92" s="19">
        <f>'[1]年齢別人口市区町村(総数)'!G108</f>
        <v>3309</v>
      </c>
      <c r="P92" s="19">
        <f>'[1]年齢別人口市区町村(日本人)'!H108</f>
        <v>3635</v>
      </c>
      <c r="Q92" s="19">
        <f>'[1]年齢別人口市区町村(外国人)'!H108</f>
        <v>71</v>
      </c>
      <c r="R92" s="19">
        <f>'[1]年齢別人口市区町村(総数)'!H108</f>
        <v>3706</v>
      </c>
      <c r="S92" s="19">
        <f>'[1]年齢別人口市区町村(日本人)'!I108</f>
        <v>4003</v>
      </c>
      <c r="T92" s="19">
        <f>'[1]年齢別人口市区町村(外国人)'!I108</f>
        <v>433</v>
      </c>
      <c r="U92" s="19">
        <f>'[1]年齢別人口市区町村(総数)'!I108</f>
        <v>4436</v>
      </c>
      <c r="V92" s="19">
        <f>'[1]年齢別人口市区町村(日本人)'!J108</f>
        <v>4010</v>
      </c>
      <c r="W92" s="19">
        <f>'[1]年齢別人口市区町村(外国人)'!J108</f>
        <v>500</v>
      </c>
      <c r="X92" s="19">
        <f>'[1]年齢別人口市区町村(総数)'!J108</f>
        <v>4510</v>
      </c>
      <c r="Y92" s="19">
        <f>'[1]年齢別人口市区町村(日本人)'!K108</f>
        <v>4040</v>
      </c>
      <c r="Z92" s="19">
        <f>'[1]年齢別人口市区町村(外国人)'!K108</f>
        <v>375</v>
      </c>
      <c r="AA92" s="19">
        <f>'[1]年齢別人口市区町村(総数)'!K108</f>
        <v>4415</v>
      </c>
      <c r="AB92" s="19">
        <f>'[1]年齢別人口市区町村(日本人)'!L108</f>
        <v>4426</v>
      </c>
      <c r="AC92" s="19">
        <f>'[1]年齢別人口市区町村(外国人)'!L108</f>
        <v>204</v>
      </c>
      <c r="AD92" s="19">
        <f>'[1]年齢別人口市区町村(総数)'!L108</f>
        <v>4630</v>
      </c>
      <c r="AE92" s="19">
        <f>'[1]年齢別人口市区町村(日本人)'!M108</f>
        <v>5090</v>
      </c>
      <c r="AF92" s="19">
        <f>'[1]年齢別人口市区町村(外国人)'!M108</f>
        <v>129</v>
      </c>
      <c r="AG92" s="19">
        <f>'[1]年齢別人口市区町村(総数)'!M108</f>
        <v>5219</v>
      </c>
      <c r="AH92" s="19">
        <f>'[1]年齢別人口市区町村(日本人)'!N108</f>
        <v>5912</v>
      </c>
      <c r="AI92" s="19">
        <f>'[1]年齢別人口市区町村(外国人)'!N108</f>
        <v>103</v>
      </c>
      <c r="AJ92" s="19">
        <f>'[1]年齢別人口市区町村(総数)'!N108</f>
        <v>6015</v>
      </c>
      <c r="AK92" s="19">
        <f>'[1]年齢別人口市区町村(日本人)'!O108</f>
        <v>7368</v>
      </c>
      <c r="AL92" s="19">
        <f>'[1]年齢別人口市区町村(外国人)'!O108</f>
        <v>79</v>
      </c>
      <c r="AM92" s="19">
        <f>'[1]年齢別人口市区町村(総数)'!O108</f>
        <v>7447</v>
      </c>
      <c r="AN92" s="19">
        <f>'[1]年齢別人口市区町村(日本人)'!P108</f>
        <v>6371</v>
      </c>
      <c r="AO92" s="19">
        <f>'[1]年齢別人口市区町村(外国人)'!P108</f>
        <v>92</v>
      </c>
      <c r="AP92" s="19">
        <f>'[1]年齢別人口市区町村(総数)'!P108</f>
        <v>6463</v>
      </c>
      <c r="AQ92" s="19">
        <f>'[1]年齢別人口市区町村(日本人)'!Q108</f>
        <v>5445</v>
      </c>
      <c r="AR92" s="19">
        <f>'[1]年齢別人口市区町村(外国人)'!Q108</f>
        <v>72</v>
      </c>
      <c r="AS92" s="19">
        <f>'[1]年齢別人口市区町村(総数)'!Q108</f>
        <v>5517</v>
      </c>
      <c r="AT92" s="19">
        <f>'[1]年齢別人口市区町村(日本人)'!R108</f>
        <v>4535</v>
      </c>
      <c r="AU92" s="19">
        <f>'[1]年齢別人口市区町村(外国人)'!R108</f>
        <v>40</v>
      </c>
      <c r="AV92" s="19">
        <f>'[1]年齢別人口市区町村(総数)'!R108</f>
        <v>4575</v>
      </c>
      <c r="AW92" s="19">
        <f>'[1]年齢別人口市区町村(日本人)'!S108</f>
        <v>5016</v>
      </c>
      <c r="AX92" s="19">
        <f>'[1]年齢別人口市区町村(外国人)'!S108</f>
        <v>29</v>
      </c>
      <c r="AY92" s="19">
        <f>'[1]年齢別人口市区町村(総数)'!S108</f>
        <v>5045</v>
      </c>
      <c r="AZ92" s="19">
        <f>'[1]年齢別人口市区町村(日本人)'!T108</f>
        <v>5834</v>
      </c>
      <c r="BA92" s="19">
        <f>'[1]年齢別人口市区町村(外国人)'!T108</f>
        <v>9</v>
      </c>
      <c r="BB92" s="19">
        <f>'[1]年齢別人口市区町村(総数)'!T108</f>
        <v>5843</v>
      </c>
      <c r="BC92" s="19">
        <f>'[1]年齢別人口市区町村(日本人)'!U108</f>
        <v>4039</v>
      </c>
      <c r="BD92" s="19">
        <f>'[1]年齢別人口市区町村(外国人)'!U108</f>
        <v>5</v>
      </c>
      <c r="BE92" s="19">
        <f>'[1]年齢別人口市区町村(総数)'!U108</f>
        <v>4044</v>
      </c>
      <c r="BF92" s="19">
        <f>'[1]年齢別人口市区町村(日本人)'!V108</f>
        <v>2046</v>
      </c>
      <c r="BG92" s="19">
        <f>'[1]年齢別人口市区町村(外国人)'!V108</f>
        <v>3</v>
      </c>
      <c r="BH92" s="19">
        <f>'[1]年齢別人口市区町村(総数)'!V108</f>
        <v>2049</v>
      </c>
      <c r="BI92" s="19">
        <f>'[1]年齢別人口市区町村(日本人)'!W108</f>
        <v>652</v>
      </c>
      <c r="BJ92" s="19">
        <f>'[1]年齢別人口市区町村(外国人)'!W108</f>
        <v>0</v>
      </c>
      <c r="BK92" s="19">
        <f>'[1]年齢別人口市区町村(総数)'!W108</f>
        <v>652</v>
      </c>
      <c r="BL92" s="19">
        <f>'[1]年齢別人口市区町村(日本人)'!X108</f>
        <v>146</v>
      </c>
      <c r="BM92" s="19">
        <f>'[1]年齢別人口市区町村(外国人)'!X108</f>
        <v>0</v>
      </c>
      <c r="BN92" s="19">
        <f>'[1]年齢別人口市区町村(総数)'!X108</f>
        <v>146</v>
      </c>
      <c r="BO92" s="19">
        <f>'[1]年齢別人口市区町村(日本人)'!Y108</f>
        <v>11</v>
      </c>
      <c r="BP92" s="19">
        <f>'[1]年齢別人口市区町村(外国人)'!Y108</f>
        <v>0</v>
      </c>
      <c r="BQ92" s="60">
        <f>'[1]年齢別人口市区町村(総数)'!Y108</f>
        <v>11</v>
      </c>
    </row>
    <row r="93" spans="1:69" x14ac:dyDescent="0.15">
      <c r="A93" s="31" t="s">
        <v>46</v>
      </c>
      <c r="B93" s="21" t="s">
        <v>31</v>
      </c>
      <c r="C93" s="46"/>
      <c r="D93" s="22">
        <f>'[1]年齢別人口市区町村(日本人)'!D109</f>
        <v>79876</v>
      </c>
      <c r="E93" s="23">
        <f>'[1]年齢別人口市区町村(外国人)'!D109</f>
        <v>2268</v>
      </c>
      <c r="F93" s="24">
        <f>'[1]年齢別人口市区町村(総数)'!D109</f>
        <v>82144</v>
      </c>
      <c r="G93" s="23">
        <f>'[1]年齢別人口市区町村(日本人)'!E109</f>
        <v>2003</v>
      </c>
      <c r="H93" s="23">
        <f>'[1]年齢別人口市区町村(外国人)'!E109</f>
        <v>49</v>
      </c>
      <c r="I93" s="24">
        <f>'[1]年齢別人口市区町村(総数)'!E109</f>
        <v>2052</v>
      </c>
      <c r="J93" s="23">
        <f>'[1]年齢別人口市区町村(日本人)'!F109</f>
        <v>2670</v>
      </c>
      <c r="K93" s="23">
        <f>'[1]年齢別人口市区町村(外国人)'!F109</f>
        <v>44</v>
      </c>
      <c r="L93" s="24">
        <f>'[1]年齢別人口市区町村(総数)'!F109</f>
        <v>2714</v>
      </c>
      <c r="M93" s="23">
        <f>'[1]年齢別人口市区町村(日本人)'!G109</f>
        <v>3173</v>
      </c>
      <c r="N93" s="23">
        <f>'[1]年齢別人口市区町村(外国人)'!G109</f>
        <v>48</v>
      </c>
      <c r="O93" s="24">
        <f>'[1]年齢別人口市区町村(総数)'!G109</f>
        <v>3221</v>
      </c>
      <c r="P93" s="23">
        <f>'[1]年齢別人口市区町村(日本人)'!H109</f>
        <v>3618</v>
      </c>
      <c r="Q93" s="23">
        <f>'[1]年齢別人口市区町村(外国人)'!H109</f>
        <v>86</v>
      </c>
      <c r="R93" s="24">
        <f>'[1]年齢別人口市区町村(総数)'!H109</f>
        <v>3704</v>
      </c>
      <c r="S93" s="23">
        <f>'[1]年齢別人口市区町村(日本人)'!I109</f>
        <v>3897</v>
      </c>
      <c r="T93" s="23">
        <f>'[1]年齢別人口市区町村(外国人)'!I109</f>
        <v>408</v>
      </c>
      <c r="U93" s="24">
        <f>'[1]年齢別人口市区町村(総数)'!I109</f>
        <v>4305</v>
      </c>
      <c r="V93" s="23">
        <f>'[1]年齢別人口市区町村(日本人)'!J109</f>
        <v>3625</v>
      </c>
      <c r="W93" s="23">
        <f>'[1]年齢別人口市区町村(外国人)'!J109</f>
        <v>404</v>
      </c>
      <c r="X93" s="24">
        <f>'[1]年齢別人口市区町村(総数)'!J109</f>
        <v>4029</v>
      </c>
      <c r="Y93" s="23">
        <f>'[1]年齢別人口市区町村(日本人)'!K109</f>
        <v>3564</v>
      </c>
      <c r="Z93" s="23">
        <f>'[1]年齢別人口市区町村(外国人)'!K109</f>
        <v>278</v>
      </c>
      <c r="AA93" s="24">
        <f>'[1]年齢別人口市区町村(総数)'!K109</f>
        <v>3842</v>
      </c>
      <c r="AB93" s="23">
        <f>'[1]年齢別人口市区町村(日本人)'!L109</f>
        <v>3725</v>
      </c>
      <c r="AC93" s="23">
        <f>'[1]年齢別人口市区町村(外国人)'!L109</f>
        <v>182</v>
      </c>
      <c r="AD93" s="24">
        <f>'[1]年齢別人口市区町村(総数)'!L109</f>
        <v>3907</v>
      </c>
      <c r="AE93" s="23">
        <f>'[1]年齢別人口市区町村(日本人)'!M109</f>
        <v>4487</v>
      </c>
      <c r="AF93" s="23">
        <f>'[1]年齢別人口市区町村(外国人)'!M109</f>
        <v>123</v>
      </c>
      <c r="AG93" s="24">
        <f>'[1]年齢別人口市区町村(総数)'!M109</f>
        <v>4610</v>
      </c>
      <c r="AH93" s="23">
        <f>'[1]年齢別人口市区町村(日本人)'!N109</f>
        <v>5388</v>
      </c>
      <c r="AI93" s="23">
        <f>'[1]年齢別人口市区町村(外国人)'!N109</f>
        <v>148</v>
      </c>
      <c r="AJ93" s="24">
        <f>'[1]年齢別人口市区町村(総数)'!N109</f>
        <v>5536</v>
      </c>
      <c r="AK93" s="23">
        <f>'[1]年齢別人口市区町村(日本人)'!O109</f>
        <v>6595</v>
      </c>
      <c r="AL93" s="23">
        <f>'[1]年齢別人口市区町村(外国人)'!O109</f>
        <v>147</v>
      </c>
      <c r="AM93" s="24">
        <f>'[1]年齢別人口市区町村(総数)'!O109</f>
        <v>6742</v>
      </c>
      <c r="AN93" s="23">
        <f>'[1]年齢別人口市区町村(日本人)'!P109</f>
        <v>5746</v>
      </c>
      <c r="AO93" s="23">
        <f>'[1]年齢別人口市区町村(外国人)'!P109</f>
        <v>140</v>
      </c>
      <c r="AP93" s="24">
        <f>'[1]年齢別人口市区町村(総数)'!P109</f>
        <v>5886</v>
      </c>
      <c r="AQ93" s="23">
        <f>'[1]年齢別人口市区町村(日本人)'!Q109</f>
        <v>5053</v>
      </c>
      <c r="AR93" s="23">
        <f>'[1]年齢別人口市区町村(外国人)'!Q109</f>
        <v>89</v>
      </c>
      <c r="AS93" s="24">
        <f>'[1]年齢別人口市区町村(総数)'!Q109</f>
        <v>5142</v>
      </c>
      <c r="AT93" s="23">
        <f>'[1]年齢別人口市区町村(日本人)'!R109</f>
        <v>4490</v>
      </c>
      <c r="AU93" s="23">
        <f>'[1]年齢別人口市区町村(外国人)'!R109</f>
        <v>63</v>
      </c>
      <c r="AV93" s="24">
        <f>'[1]年齢別人口市区町村(総数)'!R109</f>
        <v>4553</v>
      </c>
      <c r="AW93" s="23">
        <f>'[1]年齢別人口市区町村(日本人)'!S109</f>
        <v>5542</v>
      </c>
      <c r="AX93" s="23">
        <f>'[1]年齢別人口市区町村(外国人)'!S109</f>
        <v>25</v>
      </c>
      <c r="AY93" s="24">
        <f>'[1]年齢別人口市区町村(総数)'!S109</f>
        <v>5567</v>
      </c>
      <c r="AZ93" s="23">
        <f>'[1]年齢別人口市区町村(日本人)'!T109</f>
        <v>6886</v>
      </c>
      <c r="BA93" s="23">
        <f>'[1]年齢別人口市区町村(外国人)'!T109</f>
        <v>16</v>
      </c>
      <c r="BB93" s="24">
        <f>'[1]年齢別人口市区町村(総数)'!T109</f>
        <v>6902</v>
      </c>
      <c r="BC93" s="23">
        <f>'[1]年齢別人口市区町村(日本人)'!U109</f>
        <v>4699</v>
      </c>
      <c r="BD93" s="23">
        <f>'[1]年齢別人口市区町村(外国人)'!U109</f>
        <v>11</v>
      </c>
      <c r="BE93" s="24">
        <f>'[1]年齢別人口市区町村(総数)'!U109</f>
        <v>4710</v>
      </c>
      <c r="BF93" s="23">
        <f>'[1]年齢別人口市区町村(日本人)'!V109</f>
        <v>2763</v>
      </c>
      <c r="BG93" s="23">
        <f>'[1]年齢別人口市区町村(外国人)'!V109</f>
        <v>6</v>
      </c>
      <c r="BH93" s="24">
        <f>'[1]年齢別人口市区町村(総数)'!V109</f>
        <v>2769</v>
      </c>
      <c r="BI93" s="23">
        <f>'[1]年齢別人口市区町村(日本人)'!W109</f>
        <v>1413</v>
      </c>
      <c r="BJ93" s="23">
        <f>'[1]年齢別人口市区町村(外国人)'!W109</f>
        <v>1</v>
      </c>
      <c r="BK93" s="24">
        <f>'[1]年齢別人口市区町村(総数)'!W109</f>
        <v>1414</v>
      </c>
      <c r="BL93" s="23">
        <f>'[1]年齢別人口市区町村(日本人)'!X109</f>
        <v>460</v>
      </c>
      <c r="BM93" s="23">
        <f>'[1]年齢別人口市区町村(外国人)'!X109</f>
        <v>0</v>
      </c>
      <c r="BN93" s="24">
        <f>'[1]年齢別人口市区町村(総数)'!X109</f>
        <v>460</v>
      </c>
      <c r="BO93" s="23">
        <f>'[1]年齢別人口市区町村(日本人)'!Y109</f>
        <v>79</v>
      </c>
      <c r="BP93" s="23">
        <f>'[1]年齢別人口市区町村(外国人)'!Y109</f>
        <v>0</v>
      </c>
      <c r="BQ93" s="61">
        <f>'[1]年齢別人口市区町村(総数)'!Y109</f>
        <v>79</v>
      </c>
    </row>
    <row r="94" spans="1:69" ht="15" thickBot="1" x14ac:dyDescent="0.2">
      <c r="A94" s="32"/>
      <c r="B94" s="25" t="s">
        <v>32</v>
      </c>
      <c r="C94" s="47"/>
      <c r="D94" s="26">
        <f>'[1]年齢別人口市区町村(日本人)'!D107</f>
        <v>160596</v>
      </c>
      <c r="E94" s="27">
        <f>'[1]年齢別人口市区町村(外国人)'!D107</f>
        <v>4587</v>
      </c>
      <c r="F94" s="28">
        <f>'[1]年齢別人口市区町村(総数)'!D107</f>
        <v>165183</v>
      </c>
      <c r="G94" s="27">
        <f>'[1]年齢別人口市区町村(日本人)'!E107</f>
        <v>4186</v>
      </c>
      <c r="H94" s="27">
        <f>'[1]年齢別人口市区町村(外国人)'!E107</f>
        <v>122</v>
      </c>
      <c r="I94" s="28">
        <f>'[1]年齢別人口市区町村(総数)'!E107</f>
        <v>4308</v>
      </c>
      <c r="J94" s="27">
        <f>'[1]年齢別人口市区町村(日本人)'!F107</f>
        <v>5376</v>
      </c>
      <c r="K94" s="27">
        <f>'[1]年齢別人口市区町村(外国人)'!F107</f>
        <v>89</v>
      </c>
      <c r="L94" s="28">
        <f>'[1]年齢別人口市区町村(総数)'!F107</f>
        <v>5465</v>
      </c>
      <c r="M94" s="27">
        <f>'[1]年齢別人口市区町村(日本人)'!G107</f>
        <v>6425</v>
      </c>
      <c r="N94" s="27">
        <f>'[1]年齢別人口市区町村(外国人)'!G107</f>
        <v>105</v>
      </c>
      <c r="O94" s="28">
        <f>'[1]年齢別人口市区町村(総数)'!G107</f>
        <v>6530</v>
      </c>
      <c r="P94" s="27">
        <f>'[1]年齢別人口市区町村(日本人)'!H107</f>
        <v>7253</v>
      </c>
      <c r="Q94" s="27">
        <f>'[1]年齢別人口市区町村(外国人)'!H107</f>
        <v>157</v>
      </c>
      <c r="R94" s="28">
        <f>'[1]年齢別人口市区町村(総数)'!H107</f>
        <v>7410</v>
      </c>
      <c r="S94" s="27">
        <f>'[1]年齢別人口市区町村(日本人)'!I107</f>
        <v>7900</v>
      </c>
      <c r="T94" s="27">
        <f>'[1]年齢別人口市区町村(外国人)'!I107</f>
        <v>841</v>
      </c>
      <c r="U94" s="28">
        <f>'[1]年齢別人口市区町村(総数)'!I107</f>
        <v>8741</v>
      </c>
      <c r="V94" s="27">
        <f>'[1]年齢別人口市区町村(日本人)'!J107</f>
        <v>7635</v>
      </c>
      <c r="W94" s="27">
        <f>'[1]年齢別人口市区町村(外国人)'!J107</f>
        <v>904</v>
      </c>
      <c r="X94" s="28">
        <f>'[1]年齢別人口市区町村(総数)'!J107</f>
        <v>8539</v>
      </c>
      <c r="Y94" s="27">
        <f>'[1]年齢別人口市区町村(日本人)'!K107</f>
        <v>7604</v>
      </c>
      <c r="Z94" s="27">
        <f>'[1]年齢別人口市区町村(外国人)'!K107</f>
        <v>653</v>
      </c>
      <c r="AA94" s="28">
        <f>'[1]年齢別人口市区町村(総数)'!K107</f>
        <v>8257</v>
      </c>
      <c r="AB94" s="27">
        <f>'[1]年齢別人口市区町村(日本人)'!L107</f>
        <v>8151</v>
      </c>
      <c r="AC94" s="27">
        <f>'[1]年齢別人口市区町村(外国人)'!L107</f>
        <v>386</v>
      </c>
      <c r="AD94" s="28">
        <f>'[1]年齢別人口市区町村(総数)'!L107</f>
        <v>8537</v>
      </c>
      <c r="AE94" s="27">
        <f>'[1]年齢別人口市区町村(日本人)'!M107</f>
        <v>9577</v>
      </c>
      <c r="AF94" s="27">
        <f>'[1]年齢別人口市区町村(外国人)'!M107</f>
        <v>252</v>
      </c>
      <c r="AG94" s="28">
        <f>'[1]年齢別人口市区町村(総数)'!M107</f>
        <v>9829</v>
      </c>
      <c r="AH94" s="27">
        <f>'[1]年齢別人口市区町村(日本人)'!N107</f>
        <v>11300</v>
      </c>
      <c r="AI94" s="27">
        <f>'[1]年齢別人口市区町村(外国人)'!N107</f>
        <v>251</v>
      </c>
      <c r="AJ94" s="28">
        <f>'[1]年齢別人口市区町村(総数)'!N107</f>
        <v>11551</v>
      </c>
      <c r="AK94" s="27">
        <f>'[1]年齢別人口市区町村(日本人)'!O107</f>
        <v>13963</v>
      </c>
      <c r="AL94" s="27">
        <f>'[1]年齢別人口市区町村(外国人)'!O107</f>
        <v>226</v>
      </c>
      <c r="AM94" s="28">
        <f>'[1]年齢別人口市区町村(総数)'!O107</f>
        <v>14189</v>
      </c>
      <c r="AN94" s="27">
        <f>'[1]年齢別人口市区町村(日本人)'!P107</f>
        <v>12117</v>
      </c>
      <c r="AO94" s="27">
        <f>'[1]年齢別人口市区町村(外国人)'!P107</f>
        <v>232</v>
      </c>
      <c r="AP94" s="28">
        <f>'[1]年齢別人口市区町村(総数)'!P107</f>
        <v>12349</v>
      </c>
      <c r="AQ94" s="27">
        <f>'[1]年齢別人口市区町村(日本人)'!Q107</f>
        <v>10498</v>
      </c>
      <c r="AR94" s="27">
        <f>'[1]年齢別人口市区町村(外国人)'!Q107</f>
        <v>161</v>
      </c>
      <c r="AS94" s="28">
        <f>'[1]年齢別人口市区町村(総数)'!Q107</f>
        <v>10659</v>
      </c>
      <c r="AT94" s="27">
        <f>'[1]年齢別人口市区町村(日本人)'!R107</f>
        <v>9025</v>
      </c>
      <c r="AU94" s="27">
        <f>'[1]年齢別人口市区町村(外国人)'!R107</f>
        <v>103</v>
      </c>
      <c r="AV94" s="28">
        <f>'[1]年齢別人口市区町村(総数)'!R107</f>
        <v>9128</v>
      </c>
      <c r="AW94" s="27">
        <f>'[1]年齢別人口市区町村(日本人)'!S107</f>
        <v>10558</v>
      </c>
      <c r="AX94" s="27">
        <f>'[1]年齢別人口市区町村(外国人)'!S107</f>
        <v>54</v>
      </c>
      <c r="AY94" s="28">
        <f>'[1]年齢別人口市区町村(総数)'!S107</f>
        <v>10612</v>
      </c>
      <c r="AZ94" s="27">
        <f>'[1]年齢別人口市区町村(日本人)'!T107</f>
        <v>12720</v>
      </c>
      <c r="BA94" s="27">
        <f>'[1]年齢別人口市区町村(外国人)'!T107</f>
        <v>25</v>
      </c>
      <c r="BB94" s="28">
        <f>'[1]年齢別人口市区町村(総数)'!T107</f>
        <v>12745</v>
      </c>
      <c r="BC94" s="27">
        <f>'[1]年齢別人口市区町村(日本人)'!U107</f>
        <v>8738</v>
      </c>
      <c r="BD94" s="27">
        <f>'[1]年齢別人口市区町村(外国人)'!U107</f>
        <v>16</v>
      </c>
      <c r="BE94" s="28">
        <f>'[1]年齢別人口市区町村(総数)'!U107</f>
        <v>8754</v>
      </c>
      <c r="BF94" s="27">
        <f>'[1]年齢別人口市区町村(日本人)'!V107</f>
        <v>4809</v>
      </c>
      <c r="BG94" s="27">
        <f>'[1]年齢別人口市区町村(外国人)'!V107</f>
        <v>9</v>
      </c>
      <c r="BH94" s="28">
        <f>'[1]年齢別人口市区町村(総数)'!V107</f>
        <v>4818</v>
      </c>
      <c r="BI94" s="27">
        <f>'[1]年齢別人口市区町村(日本人)'!W107</f>
        <v>2065</v>
      </c>
      <c r="BJ94" s="27">
        <f>'[1]年齢別人口市区町村(外国人)'!W107</f>
        <v>1</v>
      </c>
      <c r="BK94" s="28">
        <f>'[1]年齢別人口市区町村(総数)'!W107</f>
        <v>2066</v>
      </c>
      <c r="BL94" s="27">
        <f>'[1]年齢別人口市区町村(日本人)'!X107</f>
        <v>606</v>
      </c>
      <c r="BM94" s="27">
        <f>'[1]年齢別人口市区町村(外国人)'!X107</f>
        <v>0</v>
      </c>
      <c r="BN94" s="28">
        <f>'[1]年齢別人口市区町村(総数)'!X107</f>
        <v>606</v>
      </c>
      <c r="BO94" s="27">
        <f>'[1]年齢別人口市区町村(日本人)'!Y107</f>
        <v>90</v>
      </c>
      <c r="BP94" s="27">
        <f>'[1]年齢別人口市区町村(外国人)'!Y107</f>
        <v>0</v>
      </c>
      <c r="BQ94" s="62">
        <f>'[1]年齢別人口市区町村(総数)'!Y107</f>
        <v>90</v>
      </c>
    </row>
    <row r="95" spans="1:69" x14ac:dyDescent="0.15">
      <c r="A95" s="31"/>
      <c r="B95" s="17" t="s">
        <v>29</v>
      </c>
      <c r="C95" s="45">
        <v>141526</v>
      </c>
      <c r="D95" s="18">
        <f>'[1]年齢別人口市区町村(日本人)'!D111</f>
        <v>131887</v>
      </c>
      <c r="E95" s="19">
        <f>'[1]年齢別人口市区町村(外国人)'!D111</f>
        <v>4363</v>
      </c>
      <c r="F95" s="19">
        <f>'[1]年齢別人口市区町村(総数)'!D111</f>
        <v>136250</v>
      </c>
      <c r="G95" s="19">
        <f>'[1]年齢別人口市区町村(日本人)'!E111</f>
        <v>3861</v>
      </c>
      <c r="H95" s="19">
        <f>'[1]年齢別人口市区町村(外国人)'!E111</f>
        <v>162</v>
      </c>
      <c r="I95" s="19">
        <f>'[1]年齢別人口市区町村(総数)'!E111</f>
        <v>4023</v>
      </c>
      <c r="J95" s="19">
        <f>'[1]年齢別人口市区町村(日本人)'!F111</f>
        <v>4902</v>
      </c>
      <c r="K95" s="19">
        <f>'[1]年齢別人口市区町村(外国人)'!F111</f>
        <v>112</v>
      </c>
      <c r="L95" s="19">
        <f>'[1]年齢別人口市区町村(総数)'!F111</f>
        <v>5014</v>
      </c>
      <c r="M95" s="19">
        <f>'[1]年齢別人口市区町村(日本人)'!G111</f>
        <v>5792</v>
      </c>
      <c r="N95" s="19">
        <f>'[1]年齢別人口市区町村(外国人)'!G111</f>
        <v>137</v>
      </c>
      <c r="O95" s="19">
        <f>'[1]年齢別人口市区町村(総数)'!G111</f>
        <v>5929</v>
      </c>
      <c r="P95" s="19">
        <f>'[1]年齢別人口市区町村(日本人)'!H111</f>
        <v>6170</v>
      </c>
      <c r="Q95" s="19">
        <f>'[1]年齢別人口市区町村(外国人)'!H111</f>
        <v>125</v>
      </c>
      <c r="R95" s="19">
        <f>'[1]年齢別人口市区町村(総数)'!H111</f>
        <v>6295</v>
      </c>
      <c r="S95" s="19">
        <f>'[1]年齢別人口市区町村(日本人)'!I111</f>
        <v>6687</v>
      </c>
      <c r="T95" s="19">
        <f>'[1]年齢別人口市区町村(外国人)'!I111</f>
        <v>725</v>
      </c>
      <c r="U95" s="19">
        <f>'[1]年齢別人口市区町村(総数)'!I111</f>
        <v>7412</v>
      </c>
      <c r="V95" s="19">
        <f>'[1]年齢別人口市区町村(日本人)'!J111</f>
        <v>6829</v>
      </c>
      <c r="W95" s="19">
        <f>'[1]年齢別人口市区町村(外国人)'!J111</f>
        <v>859</v>
      </c>
      <c r="X95" s="19">
        <f>'[1]年齢別人口市区町村(総数)'!J111</f>
        <v>7688</v>
      </c>
      <c r="Y95" s="19">
        <f>'[1]年齢別人口市区町村(日本人)'!K111</f>
        <v>7267</v>
      </c>
      <c r="Z95" s="19">
        <f>'[1]年齢別人口市区町村(外国人)'!K111</f>
        <v>655</v>
      </c>
      <c r="AA95" s="19">
        <f>'[1]年齢別人口市区町村(総数)'!K111</f>
        <v>7922</v>
      </c>
      <c r="AB95" s="19">
        <f>'[1]年齢別人口市区町村(日本人)'!L111</f>
        <v>7590</v>
      </c>
      <c r="AC95" s="19">
        <f>'[1]年齢別人口市区町村(外国人)'!L111</f>
        <v>436</v>
      </c>
      <c r="AD95" s="19">
        <f>'[1]年齢別人口市区町村(総数)'!L111</f>
        <v>8026</v>
      </c>
      <c r="AE95" s="19">
        <f>'[1]年齢別人口市区町村(日本人)'!M111</f>
        <v>8551</v>
      </c>
      <c r="AF95" s="19">
        <f>'[1]年齢別人口市区町村(外国人)'!M111</f>
        <v>300</v>
      </c>
      <c r="AG95" s="19">
        <f>'[1]年齢別人口市区町村(総数)'!M111</f>
        <v>8851</v>
      </c>
      <c r="AH95" s="19">
        <f>'[1]年齢別人口市区町村(日本人)'!N111</f>
        <v>9922</v>
      </c>
      <c r="AI95" s="19">
        <f>'[1]年齢別人口市区町村(外国人)'!N111</f>
        <v>228</v>
      </c>
      <c r="AJ95" s="19">
        <f>'[1]年齢別人口市区町村(総数)'!N111</f>
        <v>10150</v>
      </c>
      <c r="AK95" s="19">
        <f>'[1]年齢別人口市区町村(日本人)'!O111</f>
        <v>12332</v>
      </c>
      <c r="AL95" s="19">
        <f>'[1]年齢別人口市区町村(外国人)'!O111</f>
        <v>154</v>
      </c>
      <c r="AM95" s="19">
        <f>'[1]年齢別人口市区町村(総数)'!O111</f>
        <v>12486</v>
      </c>
      <c r="AN95" s="19">
        <f>'[1]年齢別人口市区町村(日本人)'!P111</f>
        <v>11282</v>
      </c>
      <c r="AO95" s="19">
        <f>'[1]年齢別人口市区町村(外国人)'!P111</f>
        <v>162</v>
      </c>
      <c r="AP95" s="19">
        <f>'[1]年齢別人口市区町村(総数)'!P111</f>
        <v>11444</v>
      </c>
      <c r="AQ95" s="19">
        <f>'[1]年齢別人口市区町村(日本人)'!Q111</f>
        <v>9262</v>
      </c>
      <c r="AR95" s="19">
        <f>'[1]年齢別人口市区町村(外国人)'!Q111</f>
        <v>134</v>
      </c>
      <c r="AS95" s="19">
        <f>'[1]年齢別人口市区町村(総数)'!Q111</f>
        <v>9396</v>
      </c>
      <c r="AT95" s="19">
        <f>'[1]年齢別人口市区町村(日本人)'!R111</f>
        <v>7022</v>
      </c>
      <c r="AU95" s="19">
        <f>'[1]年齢別人口市区町村(外国人)'!R111</f>
        <v>75</v>
      </c>
      <c r="AV95" s="19">
        <f>'[1]年齢別人口市区町村(総数)'!R111</f>
        <v>7097</v>
      </c>
      <c r="AW95" s="19">
        <f>'[1]年齢別人口市区町村(日本人)'!S111</f>
        <v>7059</v>
      </c>
      <c r="AX95" s="19">
        <f>'[1]年齢別人口市区町村(外国人)'!S111</f>
        <v>42</v>
      </c>
      <c r="AY95" s="19">
        <f>'[1]年齢別人口市区町村(総数)'!S111</f>
        <v>7101</v>
      </c>
      <c r="AZ95" s="19">
        <f>'[1]年齢別人口市区町村(日本人)'!T111</f>
        <v>7380</v>
      </c>
      <c r="BA95" s="19">
        <f>'[1]年齢別人口市区町村(外国人)'!T111</f>
        <v>29</v>
      </c>
      <c r="BB95" s="19">
        <f>'[1]年齢別人口市区町村(総数)'!T111</f>
        <v>7409</v>
      </c>
      <c r="BC95" s="19">
        <f>'[1]年齢別人口市区町村(日本人)'!U111</f>
        <v>5513</v>
      </c>
      <c r="BD95" s="19">
        <f>'[1]年齢別人口市区町村(外国人)'!U111</f>
        <v>15</v>
      </c>
      <c r="BE95" s="19">
        <f>'[1]年齢別人口市区町村(総数)'!U111</f>
        <v>5528</v>
      </c>
      <c r="BF95" s="19">
        <f>'[1]年齢別人口市区町村(日本人)'!V111</f>
        <v>3292</v>
      </c>
      <c r="BG95" s="19">
        <f>'[1]年齢別人口市区町村(外国人)'!V111</f>
        <v>8</v>
      </c>
      <c r="BH95" s="19">
        <f>'[1]年齢別人口市区町村(総数)'!V111</f>
        <v>3300</v>
      </c>
      <c r="BI95" s="19">
        <f>'[1]年齢別人口市区町村(日本人)'!W111</f>
        <v>983</v>
      </c>
      <c r="BJ95" s="19">
        <f>'[1]年齢別人口市区町村(外国人)'!W111</f>
        <v>4</v>
      </c>
      <c r="BK95" s="19">
        <f>'[1]年齢別人口市区町村(総数)'!W111</f>
        <v>987</v>
      </c>
      <c r="BL95" s="19">
        <f>'[1]年齢別人口市区町村(日本人)'!X111</f>
        <v>172</v>
      </c>
      <c r="BM95" s="19">
        <f>'[1]年齢別人口市区町村(外国人)'!X111</f>
        <v>1</v>
      </c>
      <c r="BN95" s="19">
        <f>'[1]年齢別人口市区町村(総数)'!X111</f>
        <v>173</v>
      </c>
      <c r="BO95" s="19">
        <f>'[1]年齢別人口市区町村(日本人)'!Y111</f>
        <v>19</v>
      </c>
      <c r="BP95" s="19">
        <f>'[1]年齢別人口市区町村(外国人)'!Y111</f>
        <v>0</v>
      </c>
      <c r="BQ95" s="60">
        <f>'[1]年齢別人口市区町村(総数)'!Y111</f>
        <v>19</v>
      </c>
    </row>
    <row r="96" spans="1:69" x14ac:dyDescent="0.15">
      <c r="A96" s="31" t="s">
        <v>61</v>
      </c>
      <c r="B96" s="21" t="s">
        <v>31</v>
      </c>
      <c r="C96" s="46"/>
      <c r="D96" s="22">
        <f>'[1]年齢別人口市区町村(日本人)'!D112</f>
        <v>129938</v>
      </c>
      <c r="E96" s="23">
        <f>'[1]年齢別人口市区町村(外国人)'!D112</f>
        <v>4384</v>
      </c>
      <c r="F96" s="24">
        <f>'[1]年齢別人口市区町村(総数)'!D112</f>
        <v>134322</v>
      </c>
      <c r="G96" s="23">
        <f>'[1]年齢別人口市区町村(日本人)'!E112</f>
        <v>3544</v>
      </c>
      <c r="H96" s="23">
        <f>'[1]年齢別人口市区町村(外国人)'!E112</f>
        <v>159</v>
      </c>
      <c r="I96" s="24">
        <f>'[1]年齢別人口市区町村(総数)'!E112</f>
        <v>3703</v>
      </c>
      <c r="J96" s="23">
        <f>'[1]年齢別人口市区町村(日本人)'!F112</f>
        <v>4716</v>
      </c>
      <c r="K96" s="23">
        <f>'[1]年齢別人口市区町村(外国人)'!F112</f>
        <v>112</v>
      </c>
      <c r="L96" s="24">
        <f>'[1]年齢別人口市区町村(総数)'!F112</f>
        <v>4828</v>
      </c>
      <c r="M96" s="23">
        <f>'[1]年齢別人口市区町村(日本人)'!G112</f>
        <v>5364</v>
      </c>
      <c r="N96" s="23">
        <f>'[1]年齢別人口市区町村(外国人)'!G112</f>
        <v>107</v>
      </c>
      <c r="O96" s="24">
        <f>'[1]年齢別人口市区町村(総数)'!G112</f>
        <v>5471</v>
      </c>
      <c r="P96" s="23">
        <f>'[1]年齢別人口市区町村(日本人)'!H112</f>
        <v>5831</v>
      </c>
      <c r="Q96" s="23">
        <f>'[1]年齢別人口市区町村(外国人)'!H112</f>
        <v>144</v>
      </c>
      <c r="R96" s="24">
        <f>'[1]年齢別人口市区町村(総数)'!H112</f>
        <v>5975</v>
      </c>
      <c r="S96" s="23">
        <f>'[1]年齢別人口市区町村(日本人)'!I112</f>
        <v>6540</v>
      </c>
      <c r="T96" s="23">
        <f>'[1]年齢別人口市区町村(外国人)'!I112</f>
        <v>530</v>
      </c>
      <c r="U96" s="24">
        <f>'[1]年齢別人口市区町村(総数)'!I112</f>
        <v>7070</v>
      </c>
      <c r="V96" s="23">
        <f>'[1]年齢別人口市区町村(日本人)'!J112</f>
        <v>6558</v>
      </c>
      <c r="W96" s="23">
        <f>'[1]年齢別人口市区町村(外国人)'!J112</f>
        <v>643</v>
      </c>
      <c r="X96" s="24">
        <f>'[1]年齢別人口市区町村(総数)'!J112</f>
        <v>7201</v>
      </c>
      <c r="Y96" s="23">
        <f>'[1]年齢別人口市区町村(日本人)'!K112</f>
        <v>6557</v>
      </c>
      <c r="Z96" s="23">
        <f>'[1]年齢別人口市区町村(外国人)'!K112</f>
        <v>510</v>
      </c>
      <c r="AA96" s="24">
        <f>'[1]年齢別人口市区町村(総数)'!K112</f>
        <v>7067</v>
      </c>
      <c r="AB96" s="23">
        <f>'[1]年齢別人口市区町村(日本人)'!L112</f>
        <v>6763</v>
      </c>
      <c r="AC96" s="23">
        <f>'[1]年齢別人口市区町村(外国人)'!L112</f>
        <v>366</v>
      </c>
      <c r="AD96" s="24">
        <f>'[1]年齢別人口市区町村(総数)'!L112</f>
        <v>7129</v>
      </c>
      <c r="AE96" s="23">
        <f>'[1]年齢別人口市区町村(日本人)'!M112</f>
        <v>7648</v>
      </c>
      <c r="AF96" s="23">
        <f>'[1]年齢別人口市区町村(外国人)'!M112</f>
        <v>352</v>
      </c>
      <c r="AG96" s="24">
        <f>'[1]年齢別人口市区町村(総数)'!M112</f>
        <v>8000</v>
      </c>
      <c r="AH96" s="23">
        <f>'[1]年齢別人口市区町村(日本人)'!N112</f>
        <v>8751</v>
      </c>
      <c r="AI96" s="23">
        <f>'[1]年齢別人口市区町村(外国人)'!N112</f>
        <v>347</v>
      </c>
      <c r="AJ96" s="24">
        <f>'[1]年齢別人口市区町村(総数)'!N112</f>
        <v>9098</v>
      </c>
      <c r="AK96" s="23">
        <f>'[1]年齢別人口市区町村(日本人)'!O112</f>
        <v>10987</v>
      </c>
      <c r="AL96" s="23">
        <f>'[1]年齢別人口市区町村(外国人)'!O112</f>
        <v>296</v>
      </c>
      <c r="AM96" s="24">
        <f>'[1]年齢別人口市区町村(総数)'!O112</f>
        <v>11283</v>
      </c>
      <c r="AN96" s="23">
        <f>'[1]年齢別人口市区町村(日本人)'!P112</f>
        <v>10003</v>
      </c>
      <c r="AO96" s="23">
        <f>'[1]年齢別人口市区町村(外国人)'!P112</f>
        <v>322</v>
      </c>
      <c r="AP96" s="24">
        <f>'[1]年齢別人口市区町村(総数)'!P112</f>
        <v>10325</v>
      </c>
      <c r="AQ96" s="23">
        <f>'[1]年齢別人口市区町村(日本人)'!Q112</f>
        <v>8298</v>
      </c>
      <c r="AR96" s="23">
        <f>'[1]年齢別人口市区町村(外国人)'!Q112</f>
        <v>218</v>
      </c>
      <c r="AS96" s="24">
        <f>'[1]年齢別人口市区町村(総数)'!Q112</f>
        <v>8516</v>
      </c>
      <c r="AT96" s="23">
        <f>'[1]年齢別人口市区町村(日本人)'!R112</f>
        <v>6744</v>
      </c>
      <c r="AU96" s="23">
        <f>'[1]年齢別人口市区町村(外国人)'!R112</f>
        <v>116</v>
      </c>
      <c r="AV96" s="24">
        <f>'[1]年齢別人口市区町村(総数)'!R112</f>
        <v>6860</v>
      </c>
      <c r="AW96" s="23">
        <f>'[1]年齢別人口市区町村(日本人)'!S112</f>
        <v>7323</v>
      </c>
      <c r="AX96" s="23">
        <f>'[1]年齢別人口市区町村(外国人)'!S112</f>
        <v>82</v>
      </c>
      <c r="AY96" s="24">
        <f>'[1]年齢別人口市区町村(総数)'!S112</f>
        <v>7405</v>
      </c>
      <c r="AZ96" s="23">
        <f>'[1]年齢別人口市区町村(日本人)'!T112</f>
        <v>9324</v>
      </c>
      <c r="BA96" s="23">
        <f>'[1]年齢別人口市区町村(外国人)'!T112</f>
        <v>40</v>
      </c>
      <c r="BB96" s="24">
        <f>'[1]年齢別人口市区町村(総数)'!T112</f>
        <v>9364</v>
      </c>
      <c r="BC96" s="23">
        <f>'[1]年齢別人口市区町村(日本人)'!U112</f>
        <v>7463</v>
      </c>
      <c r="BD96" s="23">
        <f>'[1]年齢別人口市区町村(外国人)'!U112</f>
        <v>22</v>
      </c>
      <c r="BE96" s="24">
        <f>'[1]年齢別人口市区町村(総数)'!U112</f>
        <v>7485</v>
      </c>
      <c r="BF96" s="23">
        <f>'[1]年齢別人口市区町村(日本人)'!V112</f>
        <v>4600</v>
      </c>
      <c r="BG96" s="23">
        <f>'[1]年齢別人口市区町村(外国人)'!V112</f>
        <v>12</v>
      </c>
      <c r="BH96" s="24">
        <f>'[1]年齢別人口市区町村(総数)'!V112</f>
        <v>4612</v>
      </c>
      <c r="BI96" s="23">
        <f>'[1]年齢別人口市区町村(日本人)'!W112</f>
        <v>2196</v>
      </c>
      <c r="BJ96" s="23">
        <f>'[1]年齢別人口市区町村(外国人)'!W112</f>
        <v>5</v>
      </c>
      <c r="BK96" s="24">
        <f>'[1]年齢別人口市区町村(総数)'!W112</f>
        <v>2201</v>
      </c>
      <c r="BL96" s="23">
        <f>'[1]年齢別人口市区町村(日本人)'!X112</f>
        <v>630</v>
      </c>
      <c r="BM96" s="23">
        <f>'[1]年齢別人口市区町村(外国人)'!X112</f>
        <v>0</v>
      </c>
      <c r="BN96" s="24">
        <f>'[1]年齢別人口市区町村(総数)'!X112</f>
        <v>630</v>
      </c>
      <c r="BO96" s="23">
        <f>'[1]年齢別人口市区町村(日本人)'!Y112</f>
        <v>98</v>
      </c>
      <c r="BP96" s="23">
        <f>'[1]年齢別人口市区町村(外国人)'!Y112</f>
        <v>1</v>
      </c>
      <c r="BQ96" s="61">
        <f>'[1]年齢別人口市区町村(総数)'!Y112</f>
        <v>99</v>
      </c>
    </row>
    <row r="97" spans="1:69" ht="15" thickBot="1" x14ac:dyDescent="0.2">
      <c r="A97" s="32"/>
      <c r="B97" s="25" t="s">
        <v>32</v>
      </c>
      <c r="C97" s="47"/>
      <c r="D97" s="26">
        <f>'[1]年齢別人口市区町村(日本人)'!D110</f>
        <v>261825</v>
      </c>
      <c r="E97" s="27">
        <f>'[1]年齢別人口市区町村(外国人)'!D110</f>
        <v>8747</v>
      </c>
      <c r="F97" s="28">
        <f>'[1]年齢別人口市区町村(総数)'!D110</f>
        <v>270572</v>
      </c>
      <c r="G97" s="27">
        <f>'[1]年齢別人口市区町村(日本人)'!E110</f>
        <v>7405</v>
      </c>
      <c r="H97" s="27">
        <f>'[1]年齢別人口市区町村(外国人)'!E110</f>
        <v>321</v>
      </c>
      <c r="I97" s="28">
        <f>'[1]年齢別人口市区町村(総数)'!E110</f>
        <v>7726</v>
      </c>
      <c r="J97" s="27">
        <f>'[1]年齢別人口市区町村(日本人)'!F110</f>
        <v>9618</v>
      </c>
      <c r="K97" s="27">
        <f>'[1]年齢別人口市区町村(外国人)'!F110</f>
        <v>224</v>
      </c>
      <c r="L97" s="28">
        <f>'[1]年齢別人口市区町村(総数)'!F110</f>
        <v>9842</v>
      </c>
      <c r="M97" s="27">
        <f>'[1]年齢別人口市区町村(日本人)'!G110</f>
        <v>11156</v>
      </c>
      <c r="N97" s="27">
        <f>'[1]年齢別人口市区町村(外国人)'!G110</f>
        <v>244</v>
      </c>
      <c r="O97" s="28">
        <f>'[1]年齢別人口市区町村(総数)'!G110</f>
        <v>11400</v>
      </c>
      <c r="P97" s="27">
        <f>'[1]年齢別人口市区町村(日本人)'!H110</f>
        <v>12001</v>
      </c>
      <c r="Q97" s="27">
        <f>'[1]年齢別人口市区町村(外国人)'!H110</f>
        <v>269</v>
      </c>
      <c r="R97" s="28">
        <f>'[1]年齢別人口市区町村(総数)'!H110</f>
        <v>12270</v>
      </c>
      <c r="S97" s="27">
        <f>'[1]年齢別人口市区町村(日本人)'!I110</f>
        <v>13227</v>
      </c>
      <c r="T97" s="27">
        <f>'[1]年齢別人口市区町村(外国人)'!I110</f>
        <v>1255</v>
      </c>
      <c r="U97" s="28">
        <f>'[1]年齢別人口市区町村(総数)'!I110</f>
        <v>14482</v>
      </c>
      <c r="V97" s="27">
        <f>'[1]年齢別人口市区町村(日本人)'!J110</f>
        <v>13387</v>
      </c>
      <c r="W97" s="27">
        <f>'[1]年齢別人口市区町村(外国人)'!J110</f>
        <v>1502</v>
      </c>
      <c r="X97" s="28">
        <f>'[1]年齢別人口市区町村(総数)'!J110</f>
        <v>14889</v>
      </c>
      <c r="Y97" s="27">
        <f>'[1]年齢別人口市区町村(日本人)'!K110</f>
        <v>13824</v>
      </c>
      <c r="Z97" s="27">
        <f>'[1]年齢別人口市区町村(外国人)'!K110</f>
        <v>1165</v>
      </c>
      <c r="AA97" s="28">
        <f>'[1]年齢別人口市区町村(総数)'!K110</f>
        <v>14989</v>
      </c>
      <c r="AB97" s="27">
        <f>'[1]年齢別人口市区町村(日本人)'!L110</f>
        <v>14353</v>
      </c>
      <c r="AC97" s="27">
        <f>'[1]年齢別人口市区町村(外国人)'!L110</f>
        <v>802</v>
      </c>
      <c r="AD97" s="28">
        <f>'[1]年齢別人口市区町村(総数)'!L110</f>
        <v>15155</v>
      </c>
      <c r="AE97" s="27">
        <f>'[1]年齢別人口市区町村(日本人)'!M110</f>
        <v>16199</v>
      </c>
      <c r="AF97" s="27">
        <f>'[1]年齢別人口市区町村(外国人)'!M110</f>
        <v>652</v>
      </c>
      <c r="AG97" s="28">
        <f>'[1]年齢別人口市区町村(総数)'!M110</f>
        <v>16851</v>
      </c>
      <c r="AH97" s="27">
        <f>'[1]年齢別人口市区町村(日本人)'!N110</f>
        <v>18673</v>
      </c>
      <c r="AI97" s="27">
        <f>'[1]年齢別人口市区町村(外国人)'!N110</f>
        <v>575</v>
      </c>
      <c r="AJ97" s="28">
        <f>'[1]年齢別人口市区町村(総数)'!N110</f>
        <v>19248</v>
      </c>
      <c r="AK97" s="27">
        <f>'[1]年齢別人口市区町村(日本人)'!O110</f>
        <v>23319</v>
      </c>
      <c r="AL97" s="27">
        <f>'[1]年齢別人口市区町村(外国人)'!O110</f>
        <v>450</v>
      </c>
      <c r="AM97" s="28">
        <f>'[1]年齢別人口市区町村(総数)'!O110</f>
        <v>23769</v>
      </c>
      <c r="AN97" s="27">
        <f>'[1]年齢別人口市区町村(日本人)'!P110</f>
        <v>21285</v>
      </c>
      <c r="AO97" s="27">
        <f>'[1]年齢別人口市区町村(外国人)'!P110</f>
        <v>484</v>
      </c>
      <c r="AP97" s="28">
        <f>'[1]年齢別人口市区町村(総数)'!P110</f>
        <v>21769</v>
      </c>
      <c r="AQ97" s="27">
        <f>'[1]年齢別人口市区町村(日本人)'!Q110</f>
        <v>17560</v>
      </c>
      <c r="AR97" s="27">
        <f>'[1]年齢別人口市区町村(外国人)'!Q110</f>
        <v>352</v>
      </c>
      <c r="AS97" s="28">
        <f>'[1]年齢別人口市区町村(総数)'!Q110</f>
        <v>17912</v>
      </c>
      <c r="AT97" s="27">
        <f>'[1]年齢別人口市区町村(日本人)'!R110</f>
        <v>13766</v>
      </c>
      <c r="AU97" s="27">
        <f>'[1]年齢別人口市区町村(外国人)'!R110</f>
        <v>191</v>
      </c>
      <c r="AV97" s="28">
        <f>'[1]年齢別人口市区町村(総数)'!R110</f>
        <v>13957</v>
      </c>
      <c r="AW97" s="27">
        <f>'[1]年齢別人口市区町村(日本人)'!S110</f>
        <v>14382</v>
      </c>
      <c r="AX97" s="27">
        <f>'[1]年齢別人口市区町村(外国人)'!S110</f>
        <v>124</v>
      </c>
      <c r="AY97" s="28">
        <f>'[1]年齢別人口市区町村(総数)'!S110</f>
        <v>14506</v>
      </c>
      <c r="AZ97" s="27">
        <f>'[1]年齢別人口市区町村(日本人)'!T110</f>
        <v>16704</v>
      </c>
      <c r="BA97" s="27">
        <f>'[1]年齢別人口市区町村(外国人)'!T110</f>
        <v>69</v>
      </c>
      <c r="BB97" s="28">
        <f>'[1]年齢別人口市区町村(総数)'!T110</f>
        <v>16773</v>
      </c>
      <c r="BC97" s="27">
        <f>'[1]年齢別人口市区町村(日本人)'!U110</f>
        <v>12976</v>
      </c>
      <c r="BD97" s="27">
        <f>'[1]年齢別人口市区町村(外国人)'!U110</f>
        <v>37</v>
      </c>
      <c r="BE97" s="28">
        <f>'[1]年齢別人口市区町村(総数)'!U110</f>
        <v>13013</v>
      </c>
      <c r="BF97" s="27">
        <f>'[1]年齢別人口市区町村(日本人)'!V110</f>
        <v>7892</v>
      </c>
      <c r="BG97" s="27">
        <f>'[1]年齢別人口市区町村(外国人)'!V110</f>
        <v>20</v>
      </c>
      <c r="BH97" s="28">
        <f>'[1]年齢別人口市区町村(総数)'!V110</f>
        <v>7912</v>
      </c>
      <c r="BI97" s="27">
        <f>'[1]年齢別人口市区町村(日本人)'!W110</f>
        <v>3179</v>
      </c>
      <c r="BJ97" s="27">
        <f>'[1]年齢別人口市区町村(外国人)'!W110</f>
        <v>9</v>
      </c>
      <c r="BK97" s="28">
        <f>'[1]年齢別人口市区町村(総数)'!W110</f>
        <v>3188</v>
      </c>
      <c r="BL97" s="27">
        <f>'[1]年齢別人口市区町村(日本人)'!X110</f>
        <v>802</v>
      </c>
      <c r="BM97" s="27">
        <f>'[1]年齢別人口市区町村(外国人)'!X110</f>
        <v>1</v>
      </c>
      <c r="BN97" s="28">
        <f>'[1]年齢別人口市区町村(総数)'!X110</f>
        <v>803</v>
      </c>
      <c r="BO97" s="27">
        <f>'[1]年齢別人口市区町村(日本人)'!Y110</f>
        <v>117</v>
      </c>
      <c r="BP97" s="27">
        <f>'[1]年齢別人口市区町村(外国人)'!Y110</f>
        <v>1</v>
      </c>
      <c r="BQ97" s="62">
        <f>'[1]年齢別人口市区町村(総数)'!Y110</f>
        <v>118</v>
      </c>
    </row>
    <row r="98" spans="1:69" x14ac:dyDescent="0.15">
      <c r="A98" s="31"/>
      <c r="B98" s="17" t="s">
        <v>29</v>
      </c>
      <c r="C98" s="45">
        <v>141534</v>
      </c>
      <c r="D98" s="18">
        <f>'[1]年齢別人口市区町村(日本人)'!D114</f>
        <v>133680</v>
      </c>
      <c r="E98" s="19">
        <f>'[1]年齢別人口市区町村(外国人)'!D114</f>
        <v>4517</v>
      </c>
      <c r="F98" s="19">
        <f>'[1]年齢別人口市区町村(総数)'!D114</f>
        <v>138197</v>
      </c>
      <c r="G98" s="19">
        <f>'[1]年齢別人口市区町村(日本人)'!E114</f>
        <v>4183</v>
      </c>
      <c r="H98" s="19">
        <f>'[1]年齢別人口市区町村(外国人)'!E114</f>
        <v>155</v>
      </c>
      <c r="I98" s="19">
        <f>'[1]年齢別人口市区町村(総数)'!E114</f>
        <v>4338</v>
      </c>
      <c r="J98" s="19">
        <f>'[1]年齢別人口市区町村(日本人)'!F114</f>
        <v>4877</v>
      </c>
      <c r="K98" s="19">
        <f>'[1]年齢別人口市区町村(外国人)'!F114</f>
        <v>139</v>
      </c>
      <c r="L98" s="19">
        <f>'[1]年齢別人口市区町村(総数)'!F114</f>
        <v>5016</v>
      </c>
      <c r="M98" s="19">
        <f>'[1]年齢別人口市区町村(日本人)'!G114</f>
        <v>5482</v>
      </c>
      <c r="N98" s="19">
        <f>'[1]年齢別人口市区町村(外国人)'!G114</f>
        <v>107</v>
      </c>
      <c r="O98" s="19">
        <f>'[1]年齢別人口市区町村(総数)'!G114</f>
        <v>5589</v>
      </c>
      <c r="P98" s="19">
        <f>'[1]年齢別人口市区町村(日本人)'!H114</f>
        <v>5915</v>
      </c>
      <c r="Q98" s="19">
        <f>'[1]年齢別人口市区町村(外国人)'!H114</f>
        <v>130</v>
      </c>
      <c r="R98" s="19">
        <f>'[1]年齢別人口市区町村(総数)'!H114</f>
        <v>6045</v>
      </c>
      <c r="S98" s="19">
        <f>'[1]年齢別人口市区町村(日本人)'!I114</f>
        <v>6588</v>
      </c>
      <c r="T98" s="19">
        <f>'[1]年齢別人口市区町村(外国人)'!I114</f>
        <v>686</v>
      </c>
      <c r="U98" s="19">
        <f>'[1]年齢別人口市区町村(総数)'!I114</f>
        <v>7274</v>
      </c>
      <c r="V98" s="19">
        <f>'[1]年齢別人口市区町村(日本人)'!J114</f>
        <v>7547</v>
      </c>
      <c r="W98" s="19">
        <f>'[1]年齢別人口市区町村(外国人)'!J114</f>
        <v>861</v>
      </c>
      <c r="X98" s="19">
        <f>'[1]年齢別人口市区町村(総数)'!J114</f>
        <v>8408</v>
      </c>
      <c r="Y98" s="19">
        <f>'[1]年齢別人口市区町村(日本人)'!K114</f>
        <v>7826</v>
      </c>
      <c r="Z98" s="19">
        <f>'[1]年齢別人口市区町村(外国人)'!K114</f>
        <v>698</v>
      </c>
      <c r="AA98" s="19">
        <f>'[1]年齢別人口市区町村(総数)'!K114</f>
        <v>8524</v>
      </c>
      <c r="AB98" s="19">
        <f>'[1]年齢別人口市区町村(日本人)'!L114</f>
        <v>7999</v>
      </c>
      <c r="AC98" s="19">
        <f>'[1]年齢別人口市区町村(外国人)'!L114</f>
        <v>478</v>
      </c>
      <c r="AD98" s="19">
        <f>'[1]年齢別人口市区町村(総数)'!L114</f>
        <v>8477</v>
      </c>
      <c r="AE98" s="19">
        <f>'[1]年齢別人口市区町村(日本人)'!M114</f>
        <v>8900</v>
      </c>
      <c r="AF98" s="19">
        <f>'[1]年齢別人口市区町村(外国人)'!M114</f>
        <v>335</v>
      </c>
      <c r="AG98" s="19">
        <f>'[1]年齢別人口市区町村(総数)'!M114</f>
        <v>9235</v>
      </c>
      <c r="AH98" s="19">
        <f>'[1]年齢別人口市区町村(日本人)'!N114</f>
        <v>10128</v>
      </c>
      <c r="AI98" s="19">
        <f>'[1]年齢別人口市区町村(外国人)'!N114</f>
        <v>237</v>
      </c>
      <c r="AJ98" s="19">
        <f>'[1]年齢別人口市区町村(総数)'!N114</f>
        <v>10365</v>
      </c>
      <c r="AK98" s="19">
        <f>'[1]年齢別人口市区町村(日本人)'!O114</f>
        <v>11821</v>
      </c>
      <c r="AL98" s="19">
        <f>'[1]年齢別人口市区町村(外国人)'!O114</f>
        <v>185</v>
      </c>
      <c r="AM98" s="19">
        <f>'[1]年齢別人口市区町村(総数)'!O114</f>
        <v>12006</v>
      </c>
      <c r="AN98" s="19">
        <f>'[1]年齢別人口市区町村(日本人)'!P114</f>
        <v>11295</v>
      </c>
      <c r="AO98" s="19">
        <f>'[1]年齢別人口市区町村(外国人)'!P114</f>
        <v>184</v>
      </c>
      <c r="AP98" s="19">
        <f>'[1]年齢別人口市区町村(総数)'!P114</f>
        <v>11479</v>
      </c>
      <c r="AQ98" s="19">
        <f>'[1]年齢別人口市区町村(日本人)'!Q114</f>
        <v>9242</v>
      </c>
      <c r="AR98" s="19">
        <f>'[1]年齢別人口市区町村(外国人)'!Q114</f>
        <v>143</v>
      </c>
      <c r="AS98" s="19">
        <f>'[1]年齢別人口市区町村(総数)'!Q114</f>
        <v>9385</v>
      </c>
      <c r="AT98" s="19">
        <f>'[1]年齢別人口市区町村(日本人)'!R114</f>
        <v>7060</v>
      </c>
      <c r="AU98" s="19">
        <f>'[1]年齢別人口市区町村(外国人)'!R114</f>
        <v>86</v>
      </c>
      <c r="AV98" s="19">
        <f>'[1]年齢別人口市区町村(総数)'!R114</f>
        <v>7146</v>
      </c>
      <c r="AW98" s="19">
        <f>'[1]年齢別人口市区町村(日本人)'!S114</f>
        <v>6791</v>
      </c>
      <c r="AX98" s="19">
        <f>'[1]年齢別人口市区町村(外国人)'!S114</f>
        <v>44</v>
      </c>
      <c r="AY98" s="19">
        <f>'[1]年齢別人口市区町村(総数)'!S114</f>
        <v>6835</v>
      </c>
      <c r="AZ98" s="19">
        <f>'[1]年齢別人口市区町村(日本人)'!T114</f>
        <v>7412</v>
      </c>
      <c r="BA98" s="19">
        <f>'[1]年齢別人口市区町村(外国人)'!T114</f>
        <v>30</v>
      </c>
      <c r="BB98" s="19">
        <f>'[1]年齢別人口市区町村(総数)'!T114</f>
        <v>7442</v>
      </c>
      <c r="BC98" s="19">
        <f>'[1]年齢別人口市区町村(日本人)'!U114</f>
        <v>5349</v>
      </c>
      <c r="BD98" s="19">
        <f>'[1]年齢別人口市区町村(外国人)'!U114</f>
        <v>12</v>
      </c>
      <c r="BE98" s="19">
        <f>'[1]年齢別人口市区町村(総数)'!U114</f>
        <v>5361</v>
      </c>
      <c r="BF98" s="19">
        <f>'[1]年齢別人口市区町村(日本人)'!V114</f>
        <v>3600</v>
      </c>
      <c r="BG98" s="19">
        <f>'[1]年齢別人口市区町村(外国人)'!V114</f>
        <v>3</v>
      </c>
      <c r="BH98" s="19">
        <f>'[1]年齢別人口市区町村(総数)'!V114</f>
        <v>3603</v>
      </c>
      <c r="BI98" s="19">
        <f>'[1]年齢別人口市区町村(日本人)'!W114</f>
        <v>1381</v>
      </c>
      <c r="BJ98" s="19">
        <f>'[1]年齢別人口市区町村(外国人)'!W114</f>
        <v>4</v>
      </c>
      <c r="BK98" s="19">
        <f>'[1]年齢別人口市区町村(総数)'!W114</f>
        <v>1385</v>
      </c>
      <c r="BL98" s="19">
        <f>'[1]年齢別人口市区町村(日本人)'!X114</f>
        <v>259</v>
      </c>
      <c r="BM98" s="19">
        <f>'[1]年齢別人口市区町村(外国人)'!X114</f>
        <v>0</v>
      </c>
      <c r="BN98" s="19">
        <f>'[1]年齢別人口市区町村(総数)'!X114</f>
        <v>259</v>
      </c>
      <c r="BO98" s="19">
        <f>'[1]年齢別人口市区町村(日本人)'!Y114</f>
        <v>25</v>
      </c>
      <c r="BP98" s="19">
        <f>'[1]年齢別人口市区町村(外国人)'!Y114</f>
        <v>0</v>
      </c>
      <c r="BQ98" s="60">
        <f>'[1]年齢別人口市区町村(総数)'!Y114</f>
        <v>25</v>
      </c>
    </row>
    <row r="99" spans="1:69" x14ac:dyDescent="0.15">
      <c r="A99" s="31" t="s">
        <v>38</v>
      </c>
      <c r="B99" s="21" t="s">
        <v>31</v>
      </c>
      <c r="C99" s="46"/>
      <c r="D99" s="22">
        <f>'[1]年齢別人口市区町村(日本人)'!D115</f>
        <v>136197</v>
      </c>
      <c r="E99" s="23">
        <f>'[1]年齢別人口市区町村(外国人)'!D115</f>
        <v>4287</v>
      </c>
      <c r="F99" s="24">
        <f>'[1]年齢別人口市区町村(総数)'!D115</f>
        <v>140484</v>
      </c>
      <c r="G99" s="23">
        <f>'[1]年齢別人口市区町村(日本人)'!E115</f>
        <v>3928</v>
      </c>
      <c r="H99" s="23">
        <f>'[1]年齢別人口市区町村(外国人)'!E115</f>
        <v>149</v>
      </c>
      <c r="I99" s="24">
        <f>'[1]年齢別人口市区町村(総数)'!E115</f>
        <v>4077</v>
      </c>
      <c r="J99" s="23">
        <f>'[1]年齢別人口市区町村(日本人)'!F115</f>
        <v>4843</v>
      </c>
      <c r="K99" s="23">
        <f>'[1]年齢別人口市区町村(外国人)'!F115</f>
        <v>132</v>
      </c>
      <c r="L99" s="24">
        <f>'[1]年齢別人口市区町村(総数)'!F115</f>
        <v>4975</v>
      </c>
      <c r="M99" s="23">
        <f>'[1]年齢別人口市区町村(日本人)'!G115</f>
        <v>5091</v>
      </c>
      <c r="N99" s="23">
        <f>'[1]年齢別人口市区町村(外国人)'!G115</f>
        <v>107</v>
      </c>
      <c r="O99" s="24">
        <f>'[1]年齢別人口市区町村(総数)'!G115</f>
        <v>5198</v>
      </c>
      <c r="P99" s="23">
        <f>'[1]年齢別人口市区町村(日本人)'!H115</f>
        <v>5742</v>
      </c>
      <c r="Q99" s="23">
        <f>'[1]年齢別人口市区町村(外国人)'!H115</f>
        <v>100</v>
      </c>
      <c r="R99" s="24">
        <f>'[1]年齢別人口市区町村(総数)'!H115</f>
        <v>5842</v>
      </c>
      <c r="S99" s="23">
        <f>'[1]年齢別人口市区町村(日本人)'!I115</f>
        <v>6719</v>
      </c>
      <c r="T99" s="23">
        <f>'[1]年齢別人口市区町村(外国人)'!I115</f>
        <v>564</v>
      </c>
      <c r="U99" s="24">
        <f>'[1]年齢別人口市区町村(総数)'!I115</f>
        <v>7283</v>
      </c>
      <c r="V99" s="23">
        <f>'[1]年齢別人口市区町村(日本人)'!J115</f>
        <v>7465</v>
      </c>
      <c r="W99" s="23">
        <f>'[1]年齢別人口市区町村(外国人)'!J115</f>
        <v>763</v>
      </c>
      <c r="X99" s="24">
        <f>'[1]年齢別人口市区町村(総数)'!J115</f>
        <v>8228</v>
      </c>
      <c r="Y99" s="23">
        <f>'[1]年齢別人口市区町村(日本人)'!K115</f>
        <v>7462</v>
      </c>
      <c r="Z99" s="23">
        <f>'[1]年齢別人口市区町村(外国人)'!K115</f>
        <v>583</v>
      </c>
      <c r="AA99" s="24">
        <f>'[1]年齢別人口市区町村(総数)'!K115</f>
        <v>8045</v>
      </c>
      <c r="AB99" s="23">
        <f>'[1]年齢別人口市区町村(日本人)'!L115</f>
        <v>7296</v>
      </c>
      <c r="AC99" s="23">
        <f>'[1]年齢別人口市区町村(外国人)'!L115</f>
        <v>412</v>
      </c>
      <c r="AD99" s="24">
        <f>'[1]年齢別人口市区町村(総数)'!L115</f>
        <v>7708</v>
      </c>
      <c r="AE99" s="23">
        <f>'[1]年齢別人口市区町村(日本人)'!M115</f>
        <v>8058</v>
      </c>
      <c r="AF99" s="23">
        <f>'[1]年齢別人口市区町村(外国人)'!M115</f>
        <v>315</v>
      </c>
      <c r="AG99" s="24">
        <f>'[1]年齢別人口市区町村(総数)'!M115</f>
        <v>8373</v>
      </c>
      <c r="AH99" s="23">
        <f>'[1]年齢別人口市区町村(日本人)'!N115</f>
        <v>9058</v>
      </c>
      <c r="AI99" s="23">
        <f>'[1]年齢別人口市区町村(外国人)'!N115</f>
        <v>275</v>
      </c>
      <c r="AJ99" s="24">
        <f>'[1]年齢別人口市区町村(総数)'!N115</f>
        <v>9333</v>
      </c>
      <c r="AK99" s="23">
        <f>'[1]年齢別人口市区町村(日本人)'!O115</f>
        <v>11103</v>
      </c>
      <c r="AL99" s="23">
        <f>'[1]年齢別人口市区町村(外国人)'!O115</f>
        <v>241</v>
      </c>
      <c r="AM99" s="24">
        <f>'[1]年齢別人口市区町村(総数)'!O115</f>
        <v>11344</v>
      </c>
      <c r="AN99" s="23">
        <f>'[1]年齢別人口市区町村(日本人)'!P115</f>
        <v>10376</v>
      </c>
      <c r="AO99" s="23">
        <f>'[1]年齢別人口市区町村(外国人)'!P115</f>
        <v>228</v>
      </c>
      <c r="AP99" s="24">
        <f>'[1]年齢別人口市区町村(総数)'!P115</f>
        <v>10604</v>
      </c>
      <c r="AQ99" s="23">
        <f>'[1]年齢別人口市区町村(日本人)'!Q115</f>
        <v>8601</v>
      </c>
      <c r="AR99" s="23">
        <f>'[1]年齢別人口市区町村(外国人)'!Q115</f>
        <v>165</v>
      </c>
      <c r="AS99" s="24">
        <f>'[1]年齢別人口市区町村(総数)'!Q115</f>
        <v>8766</v>
      </c>
      <c r="AT99" s="23">
        <f>'[1]年齢別人口市区町村(日本人)'!R115</f>
        <v>6929</v>
      </c>
      <c r="AU99" s="23">
        <f>'[1]年齢別人口市区町村(外国人)'!R115</f>
        <v>123</v>
      </c>
      <c r="AV99" s="24">
        <f>'[1]年齢別人口市区町村(総数)'!R115</f>
        <v>7052</v>
      </c>
      <c r="AW99" s="23">
        <f>'[1]年齢別人口市区町村(日本人)'!S115</f>
        <v>7467</v>
      </c>
      <c r="AX99" s="23">
        <f>'[1]年齢別人口市区町村(外国人)'!S115</f>
        <v>57</v>
      </c>
      <c r="AY99" s="24">
        <f>'[1]年齢別人口市区町村(総数)'!S115</f>
        <v>7524</v>
      </c>
      <c r="AZ99" s="23">
        <f>'[1]年齢別人口市区町村(日本人)'!T115</f>
        <v>9252</v>
      </c>
      <c r="BA99" s="23">
        <f>'[1]年齢別人口市区町村(外国人)'!T115</f>
        <v>39</v>
      </c>
      <c r="BB99" s="24">
        <f>'[1]年齢別人口市区町村(総数)'!T115</f>
        <v>9291</v>
      </c>
      <c r="BC99" s="23">
        <f>'[1]年齢別人口市区町村(日本人)'!U115</f>
        <v>7822</v>
      </c>
      <c r="BD99" s="23">
        <f>'[1]年齢別人口市区町村(外国人)'!U115</f>
        <v>18</v>
      </c>
      <c r="BE99" s="24">
        <f>'[1]年齢別人口市区町村(総数)'!U115</f>
        <v>7840</v>
      </c>
      <c r="BF99" s="23">
        <f>'[1]年齢別人口市区町村(日本人)'!V115</f>
        <v>5436</v>
      </c>
      <c r="BG99" s="23">
        <f>'[1]年齢別人口市区町村(外国人)'!V115</f>
        <v>8</v>
      </c>
      <c r="BH99" s="24">
        <f>'[1]年齢別人口市区町村(総数)'!V115</f>
        <v>5444</v>
      </c>
      <c r="BI99" s="23">
        <f>'[1]年齢別人口市区町村(日本人)'!W115</f>
        <v>2658</v>
      </c>
      <c r="BJ99" s="23">
        <f>'[1]年齢別人口市区町村(外国人)'!W115</f>
        <v>5</v>
      </c>
      <c r="BK99" s="24">
        <f>'[1]年齢別人口市区町村(総数)'!W115</f>
        <v>2663</v>
      </c>
      <c r="BL99" s="23">
        <f>'[1]年齢別人口市区町村(日本人)'!X115</f>
        <v>772</v>
      </c>
      <c r="BM99" s="23">
        <f>'[1]年齢別人口市区町村(外国人)'!X115</f>
        <v>3</v>
      </c>
      <c r="BN99" s="24">
        <f>'[1]年齢別人口市区町村(総数)'!X115</f>
        <v>775</v>
      </c>
      <c r="BO99" s="23">
        <f>'[1]年齢別人口市区町村(日本人)'!Y115</f>
        <v>119</v>
      </c>
      <c r="BP99" s="23">
        <f>'[1]年齢別人口市区町村(外国人)'!Y115</f>
        <v>0</v>
      </c>
      <c r="BQ99" s="61">
        <f>'[1]年齢別人口市区町村(総数)'!Y115</f>
        <v>119</v>
      </c>
    </row>
    <row r="100" spans="1:69" ht="15" thickBot="1" x14ac:dyDescent="0.2">
      <c r="A100" s="32"/>
      <c r="B100" s="25" t="s">
        <v>32</v>
      </c>
      <c r="C100" s="47"/>
      <c r="D100" s="26">
        <f>'[1]年齢別人口市区町村(日本人)'!D113</f>
        <v>269877</v>
      </c>
      <c r="E100" s="27">
        <f>'[1]年齢別人口市区町村(外国人)'!D113</f>
        <v>8804</v>
      </c>
      <c r="F100" s="28">
        <f>'[1]年齢別人口市区町村(総数)'!D113</f>
        <v>278681</v>
      </c>
      <c r="G100" s="27">
        <f>'[1]年齢別人口市区町村(日本人)'!E113</f>
        <v>8111</v>
      </c>
      <c r="H100" s="27">
        <f>'[1]年齢別人口市区町村(外国人)'!E113</f>
        <v>304</v>
      </c>
      <c r="I100" s="28">
        <f>'[1]年齢別人口市区町村(総数)'!E113</f>
        <v>8415</v>
      </c>
      <c r="J100" s="27">
        <f>'[1]年齢別人口市区町村(日本人)'!F113</f>
        <v>9720</v>
      </c>
      <c r="K100" s="27">
        <f>'[1]年齢別人口市区町村(外国人)'!F113</f>
        <v>271</v>
      </c>
      <c r="L100" s="28">
        <f>'[1]年齢別人口市区町村(総数)'!F113</f>
        <v>9991</v>
      </c>
      <c r="M100" s="27">
        <f>'[1]年齢別人口市区町村(日本人)'!G113</f>
        <v>10573</v>
      </c>
      <c r="N100" s="27">
        <f>'[1]年齢別人口市区町村(外国人)'!G113</f>
        <v>214</v>
      </c>
      <c r="O100" s="28">
        <f>'[1]年齢別人口市区町村(総数)'!G113</f>
        <v>10787</v>
      </c>
      <c r="P100" s="27">
        <f>'[1]年齢別人口市区町村(日本人)'!H113</f>
        <v>11657</v>
      </c>
      <c r="Q100" s="27">
        <f>'[1]年齢別人口市区町村(外国人)'!H113</f>
        <v>230</v>
      </c>
      <c r="R100" s="28">
        <f>'[1]年齢別人口市区町村(総数)'!H113</f>
        <v>11887</v>
      </c>
      <c r="S100" s="27">
        <f>'[1]年齢別人口市区町村(日本人)'!I113</f>
        <v>13307</v>
      </c>
      <c r="T100" s="27">
        <f>'[1]年齢別人口市区町村(外国人)'!I113</f>
        <v>1250</v>
      </c>
      <c r="U100" s="28">
        <f>'[1]年齢別人口市区町村(総数)'!I113</f>
        <v>14557</v>
      </c>
      <c r="V100" s="27">
        <f>'[1]年齢別人口市区町村(日本人)'!J113</f>
        <v>15012</v>
      </c>
      <c r="W100" s="27">
        <f>'[1]年齢別人口市区町村(外国人)'!J113</f>
        <v>1624</v>
      </c>
      <c r="X100" s="28">
        <f>'[1]年齢別人口市区町村(総数)'!J113</f>
        <v>16636</v>
      </c>
      <c r="Y100" s="27">
        <f>'[1]年齢別人口市区町村(日本人)'!K113</f>
        <v>15288</v>
      </c>
      <c r="Z100" s="27">
        <f>'[1]年齢別人口市区町村(外国人)'!K113</f>
        <v>1281</v>
      </c>
      <c r="AA100" s="28">
        <f>'[1]年齢別人口市区町村(総数)'!K113</f>
        <v>16569</v>
      </c>
      <c r="AB100" s="27">
        <f>'[1]年齢別人口市区町村(日本人)'!L113</f>
        <v>15295</v>
      </c>
      <c r="AC100" s="27">
        <f>'[1]年齢別人口市区町村(外国人)'!L113</f>
        <v>890</v>
      </c>
      <c r="AD100" s="28">
        <f>'[1]年齢別人口市区町村(総数)'!L113</f>
        <v>16185</v>
      </c>
      <c r="AE100" s="27">
        <f>'[1]年齢別人口市区町村(日本人)'!M113</f>
        <v>16958</v>
      </c>
      <c r="AF100" s="27">
        <f>'[1]年齢別人口市区町村(外国人)'!M113</f>
        <v>650</v>
      </c>
      <c r="AG100" s="28">
        <f>'[1]年齢別人口市区町村(総数)'!M113</f>
        <v>17608</v>
      </c>
      <c r="AH100" s="27">
        <f>'[1]年齢別人口市区町村(日本人)'!N113</f>
        <v>19186</v>
      </c>
      <c r="AI100" s="27">
        <f>'[1]年齢別人口市区町村(外国人)'!N113</f>
        <v>512</v>
      </c>
      <c r="AJ100" s="28">
        <f>'[1]年齢別人口市区町村(総数)'!N113</f>
        <v>19698</v>
      </c>
      <c r="AK100" s="27">
        <f>'[1]年齢別人口市区町村(日本人)'!O113</f>
        <v>22924</v>
      </c>
      <c r="AL100" s="27">
        <f>'[1]年齢別人口市区町村(外国人)'!O113</f>
        <v>426</v>
      </c>
      <c r="AM100" s="28">
        <f>'[1]年齢別人口市区町村(総数)'!O113</f>
        <v>23350</v>
      </c>
      <c r="AN100" s="27">
        <f>'[1]年齢別人口市区町村(日本人)'!P113</f>
        <v>21671</v>
      </c>
      <c r="AO100" s="27">
        <f>'[1]年齢別人口市区町村(外国人)'!P113</f>
        <v>412</v>
      </c>
      <c r="AP100" s="28">
        <f>'[1]年齢別人口市区町村(総数)'!P113</f>
        <v>22083</v>
      </c>
      <c r="AQ100" s="27">
        <f>'[1]年齢別人口市区町村(日本人)'!Q113</f>
        <v>17843</v>
      </c>
      <c r="AR100" s="27">
        <f>'[1]年齢別人口市区町村(外国人)'!Q113</f>
        <v>308</v>
      </c>
      <c r="AS100" s="28">
        <f>'[1]年齢別人口市区町村(総数)'!Q113</f>
        <v>18151</v>
      </c>
      <c r="AT100" s="27">
        <f>'[1]年齢別人口市区町村(日本人)'!R113</f>
        <v>13989</v>
      </c>
      <c r="AU100" s="27">
        <f>'[1]年齢別人口市区町村(外国人)'!R113</f>
        <v>209</v>
      </c>
      <c r="AV100" s="28">
        <f>'[1]年齢別人口市区町村(総数)'!R113</f>
        <v>14198</v>
      </c>
      <c r="AW100" s="27">
        <f>'[1]年齢別人口市区町村(日本人)'!S113</f>
        <v>14258</v>
      </c>
      <c r="AX100" s="27">
        <f>'[1]年齢別人口市区町村(外国人)'!S113</f>
        <v>101</v>
      </c>
      <c r="AY100" s="28">
        <f>'[1]年齢別人口市区町村(総数)'!S113</f>
        <v>14359</v>
      </c>
      <c r="AZ100" s="27">
        <f>'[1]年齢別人口市区町村(日本人)'!T113</f>
        <v>16664</v>
      </c>
      <c r="BA100" s="27">
        <f>'[1]年齢別人口市区町村(外国人)'!T113</f>
        <v>69</v>
      </c>
      <c r="BB100" s="28">
        <f>'[1]年齢別人口市区町村(総数)'!T113</f>
        <v>16733</v>
      </c>
      <c r="BC100" s="27">
        <f>'[1]年齢別人口市区町村(日本人)'!U113</f>
        <v>13171</v>
      </c>
      <c r="BD100" s="27">
        <f>'[1]年齢別人口市区町村(外国人)'!U113</f>
        <v>30</v>
      </c>
      <c r="BE100" s="28">
        <f>'[1]年齢別人口市区町村(総数)'!U113</f>
        <v>13201</v>
      </c>
      <c r="BF100" s="27">
        <f>'[1]年齢別人口市区町村(日本人)'!V113</f>
        <v>9036</v>
      </c>
      <c r="BG100" s="27">
        <f>'[1]年齢別人口市区町村(外国人)'!V113</f>
        <v>11</v>
      </c>
      <c r="BH100" s="28">
        <f>'[1]年齢別人口市区町村(総数)'!V113</f>
        <v>9047</v>
      </c>
      <c r="BI100" s="27">
        <f>'[1]年齢別人口市区町村(日本人)'!W113</f>
        <v>4039</v>
      </c>
      <c r="BJ100" s="27">
        <f>'[1]年齢別人口市区町村(外国人)'!W113</f>
        <v>9</v>
      </c>
      <c r="BK100" s="28">
        <f>'[1]年齢別人口市区町村(総数)'!W113</f>
        <v>4048</v>
      </c>
      <c r="BL100" s="27">
        <f>'[1]年齢別人口市区町村(日本人)'!X113</f>
        <v>1031</v>
      </c>
      <c r="BM100" s="27">
        <f>'[1]年齢別人口市区町村(外国人)'!X113</f>
        <v>3</v>
      </c>
      <c r="BN100" s="28">
        <f>'[1]年齢別人口市区町村(総数)'!X113</f>
        <v>1034</v>
      </c>
      <c r="BO100" s="27">
        <f>'[1]年齢別人口市区町村(日本人)'!Y113</f>
        <v>144</v>
      </c>
      <c r="BP100" s="27">
        <f>'[1]年齢別人口市区町村(外国人)'!Y113</f>
        <v>0</v>
      </c>
      <c r="BQ100" s="62">
        <f>'[1]年齢別人口市区町村(総数)'!Y113</f>
        <v>144</v>
      </c>
    </row>
    <row r="101" spans="1:69" x14ac:dyDescent="0.15">
      <c r="A101" s="20"/>
      <c r="B101" s="17" t="s">
        <v>29</v>
      </c>
      <c r="C101" s="45">
        <v>142018</v>
      </c>
      <c r="D101" s="18">
        <f>'[1]年齢別人口市区町村(日本人)'!D118</f>
        <v>182222</v>
      </c>
      <c r="E101" s="19">
        <f>'[1]年齢別人口市区町村(外国人)'!D118</f>
        <v>4097</v>
      </c>
      <c r="F101" s="19">
        <f>'[1]年齢別人口市区町村(総数)'!D118</f>
        <v>186319</v>
      </c>
      <c r="G101" s="19">
        <f>'[1]年齢別人口市区町村(日本人)'!E118</f>
        <v>4243</v>
      </c>
      <c r="H101" s="19">
        <f>'[1]年齢別人口市区町村(外国人)'!E118</f>
        <v>94</v>
      </c>
      <c r="I101" s="19">
        <f>'[1]年齢別人口市区町村(総数)'!E118</f>
        <v>4337</v>
      </c>
      <c r="J101" s="19">
        <f>'[1]年齢別人口市区町村(日本人)'!F118</f>
        <v>6145</v>
      </c>
      <c r="K101" s="19">
        <f>'[1]年齢別人口市区町村(外国人)'!F118</f>
        <v>89</v>
      </c>
      <c r="L101" s="19">
        <f>'[1]年齢別人口市区町村(総数)'!F118</f>
        <v>6234</v>
      </c>
      <c r="M101" s="19">
        <f>'[1]年齢別人口市区町村(日本人)'!G118</f>
        <v>7134</v>
      </c>
      <c r="N101" s="19">
        <f>'[1]年齢別人口市区町村(外国人)'!G118</f>
        <v>87</v>
      </c>
      <c r="O101" s="19">
        <f>'[1]年齢別人口市区町村(総数)'!G118</f>
        <v>7221</v>
      </c>
      <c r="P101" s="19">
        <f>'[1]年齢別人口市区町村(日本人)'!H118</f>
        <v>9666</v>
      </c>
      <c r="Q101" s="19">
        <f>'[1]年齢別人口市区町村(外国人)'!H118</f>
        <v>120</v>
      </c>
      <c r="R101" s="19">
        <f>'[1]年齢別人口市区町村(総数)'!H118</f>
        <v>9786</v>
      </c>
      <c r="S101" s="19">
        <f>'[1]年齢別人口市区町村(日本人)'!I118</f>
        <v>10416</v>
      </c>
      <c r="T101" s="19">
        <f>'[1]年齢別人口市区町村(外国人)'!I118</f>
        <v>628</v>
      </c>
      <c r="U101" s="19">
        <f>'[1]年齢別人口市区町村(総数)'!I118</f>
        <v>11044</v>
      </c>
      <c r="V101" s="19">
        <f>'[1]年齢別人口市区町村(日本人)'!J118</f>
        <v>8392</v>
      </c>
      <c r="W101" s="19">
        <f>'[1]年齢別人口市区町村(外国人)'!J118</f>
        <v>737</v>
      </c>
      <c r="X101" s="19">
        <f>'[1]年齢別人口市区町村(総数)'!J118</f>
        <v>9129</v>
      </c>
      <c r="Y101" s="19">
        <f>'[1]年齢別人口市区町村(日本人)'!K118</f>
        <v>7943</v>
      </c>
      <c r="Z101" s="19">
        <f>'[1]年齢別人口市区町村(外国人)'!K118</f>
        <v>647</v>
      </c>
      <c r="AA101" s="19">
        <f>'[1]年齢別人口市区町村(総数)'!K118</f>
        <v>8590</v>
      </c>
      <c r="AB101" s="19">
        <f>'[1]年齢別人口市区町村(日本人)'!L118</f>
        <v>8663</v>
      </c>
      <c r="AC101" s="19">
        <f>'[1]年齢別人口市区町村(外国人)'!L118</f>
        <v>408</v>
      </c>
      <c r="AD101" s="19">
        <f>'[1]年齢別人口市区町村(総数)'!L118</f>
        <v>9071</v>
      </c>
      <c r="AE101" s="19">
        <f>'[1]年齢別人口市区町村(日本人)'!M118</f>
        <v>10117</v>
      </c>
      <c r="AF101" s="19">
        <f>'[1]年齢別人口市区町村(外国人)'!M118</f>
        <v>300</v>
      </c>
      <c r="AG101" s="19">
        <f>'[1]年齢別人口市区町村(総数)'!M118</f>
        <v>10417</v>
      </c>
      <c r="AH101" s="19">
        <f>'[1]年齢別人口市区町村(日本人)'!N118</f>
        <v>12221</v>
      </c>
      <c r="AI101" s="19">
        <f>'[1]年齢別人口市区町村(外国人)'!N118</f>
        <v>214</v>
      </c>
      <c r="AJ101" s="19">
        <f>'[1]年齢別人口市区町村(総数)'!N118</f>
        <v>12435</v>
      </c>
      <c r="AK101" s="19">
        <f>'[1]年齢別人口市区町村(日本人)'!O118</f>
        <v>15859</v>
      </c>
      <c r="AL101" s="19">
        <f>'[1]年齢別人口市区町村(外国人)'!O118</f>
        <v>185</v>
      </c>
      <c r="AM101" s="19">
        <f>'[1]年齢別人口市区町村(総数)'!O118</f>
        <v>16044</v>
      </c>
      <c r="AN101" s="19">
        <f>'[1]年齢別人口市区町村(日本人)'!P118</f>
        <v>14545</v>
      </c>
      <c r="AO101" s="19">
        <f>'[1]年齢別人口市区町村(外国人)'!P118</f>
        <v>181</v>
      </c>
      <c r="AP101" s="19">
        <f>'[1]年齢別人口市区町村(総数)'!P118</f>
        <v>14726</v>
      </c>
      <c r="AQ101" s="19">
        <f>'[1]年齢別人口市区町村(日本人)'!Q118</f>
        <v>12609</v>
      </c>
      <c r="AR101" s="19">
        <f>'[1]年齢別人口市区町村(外国人)'!Q118</f>
        <v>137</v>
      </c>
      <c r="AS101" s="19">
        <f>'[1]年齢別人口市区町村(総数)'!Q118</f>
        <v>12746</v>
      </c>
      <c r="AT101" s="19">
        <f>'[1]年齢別人口市区町村(日本人)'!R118</f>
        <v>11059</v>
      </c>
      <c r="AU101" s="19">
        <f>'[1]年齢別人口市区町村(外国人)'!R118</f>
        <v>92</v>
      </c>
      <c r="AV101" s="19">
        <f>'[1]年齢別人口市区町村(総数)'!R118</f>
        <v>11151</v>
      </c>
      <c r="AW101" s="19">
        <f>'[1]年齢別人口市区町村(日本人)'!S118</f>
        <v>11543</v>
      </c>
      <c r="AX101" s="19">
        <f>'[1]年齢別人口市区町村(外国人)'!S118</f>
        <v>86</v>
      </c>
      <c r="AY101" s="19">
        <f>'[1]年齢別人口市区町村(総数)'!S118</f>
        <v>11629</v>
      </c>
      <c r="AZ101" s="19">
        <f>'[1]年齢別人口市区町村(日本人)'!T118</f>
        <v>13529</v>
      </c>
      <c r="BA101" s="19">
        <f>'[1]年齢別人口市区町村(外国人)'!T118</f>
        <v>44</v>
      </c>
      <c r="BB101" s="19">
        <f>'[1]年齢別人口市区町村(総数)'!T118</f>
        <v>13573</v>
      </c>
      <c r="BC101" s="19">
        <f>'[1]年齢別人口市区町村(日本人)'!U118</f>
        <v>9704</v>
      </c>
      <c r="BD101" s="19">
        <f>'[1]年齢別人口市区町村(外国人)'!U118</f>
        <v>30</v>
      </c>
      <c r="BE101" s="19">
        <f>'[1]年齢別人口市区町村(総数)'!U118</f>
        <v>9734</v>
      </c>
      <c r="BF101" s="19">
        <f>'[1]年齢別人口市区町村(日本人)'!V118</f>
        <v>5688</v>
      </c>
      <c r="BG101" s="19">
        <f>'[1]年齢別人口市区町村(外国人)'!V118</f>
        <v>14</v>
      </c>
      <c r="BH101" s="19">
        <f>'[1]年齢別人口市区町村(総数)'!V118</f>
        <v>5702</v>
      </c>
      <c r="BI101" s="19">
        <f>'[1]年齢別人口市区町村(日本人)'!W118</f>
        <v>2303</v>
      </c>
      <c r="BJ101" s="19">
        <f>'[1]年齢別人口市区町村(外国人)'!W118</f>
        <v>4</v>
      </c>
      <c r="BK101" s="19">
        <f>'[1]年齢別人口市区町村(総数)'!W118</f>
        <v>2307</v>
      </c>
      <c r="BL101" s="19">
        <f>'[1]年齢別人口市区町村(日本人)'!X118</f>
        <v>414</v>
      </c>
      <c r="BM101" s="19">
        <f>'[1]年齢別人口市区町村(外国人)'!X118</f>
        <v>0</v>
      </c>
      <c r="BN101" s="19">
        <f>'[1]年齢別人口市区町村(総数)'!X118</f>
        <v>414</v>
      </c>
      <c r="BO101" s="19">
        <f>'[1]年齢別人口市区町村(日本人)'!Y118</f>
        <v>29</v>
      </c>
      <c r="BP101" s="19">
        <f>'[1]年齢別人口市区町村(外国人)'!Y118</f>
        <v>0</v>
      </c>
      <c r="BQ101" s="60">
        <f>'[1]年齢別人口市区町村(総数)'!Y118</f>
        <v>29</v>
      </c>
    </row>
    <row r="102" spans="1:69" x14ac:dyDescent="0.15">
      <c r="A102" s="20" t="s">
        <v>62</v>
      </c>
      <c r="B102" s="21" t="s">
        <v>31</v>
      </c>
      <c r="C102" s="46"/>
      <c r="D102" s="22">
        <f>'[1]年齢別人口市区町村(日本人)'!D119</f>
        <v>184521</v>
      </c>
      <c r="E102" s="23">
        <f>'[1]年齢別人口市区町村(外国人)'!D119</f>
        <v>4011</v>
      </c>
      <c r="F102" s="24">
        <f>'[1]年齢別人口市区町村(総数)'!D119</f>
        <v>188532</v>
      </c>
      <c r="G102" s="23">
        <f>'[1]年齢別人口市区町村(日本人)'!E119</f>
        <v>4226</v>
      </c>
      <c r="H102" s="23">
        <f>'[1]年齢別人口市区町村(外国人)'!E119</f>
        <v>98</v>
      </c>
      <c r="I102" s="24">
        <f>'[1]年齢別人口市区町村(総数)'!E119</f>
        <v>4324</v>
      </c>
      <c r="J102" s="23">
        <f>'[1]年齢別人口市区町村(日本人)'!F119</f>
        <v>5644</v>
      </c>
      <c r="K102" s="23">
        <f>'[1]年齢別人口市区町村(外国人)'!F119</f>
        <v>91</v>
      </c>
      <c r="L102" s="24">
        <f>'[1]年齢別人口市区町村(総数)'!F119</f>
        <v>5735</v>
      </c>
      <c r="M102" s="23">
        <f>'[1]年齢別人口市区町村(日本人)'!G119</f>
        <v>6949</v>
      </c>
      <c r="N102" s="23">
        <f>'[1]年齢別人口市区町村(外国人)'!G119</f>
        <v>105</v>
      </c>
      <c r="O102" s="24">
        <f>'[1]年齢別人口市区町村(総数)'!G119</f>
        <v>7054</v>
      </c>
      <c r="P102" s="23">
        <f>'[1]年齢別人口市区町村(日本人)'!H119</f>
        <v>7825</v>
      </c>
      <c r="Q102" s="23">
        <f>'[1]年齢別人口市区町村(外国人)'!H119</f>
        <v>113</v>
      </c>
      <c r="R102" s="24">
        <f>'[1]年齢別人口市区町村(総数)'!H119</f>
        <v>7938</v>
      </c>
      <c r="S102" s="23">
        <f>'[1]年齢別人口市区町村(日本人)'!I119</f>
        <v>8198</v>
      </c>
      <c r="T102" s="23">
        <f>'[1]年齢別人口市区町村(外国人)'!I119</f>
        <v>371</v>
      </c>
      <c r="U102" s="24">
        <f>'[1]年齢別人口市区町村(総数)'!I119</f>
        <v>8569</v>
      </c>
      <c r="V102" s="23">
        <f>'[1]年齢別人口市区町村(日本人)'!J119</f>
        <v>7143</v>
      </c>
      <c r="W102" s="23">
        <f>'[1]年齢別人口市区町村(外国人)'!J119</f>
        <v>470</v>
      </c>
      <c r="X102" s="24">
        <f>'[1]年齢別人口市区町村(総数)'!J119</f>
        <v>7613</v>
      </c>
      <c r="Y102" s="23">
        <f>'[1]年齢別人口市区町村(日本人)'!K119</f>
        <v>6841</v>
      </c>
      <c r="Z102" s="23">
        <f>'[1]年齢別人口市区町村(外国人)'!K119</f>
        <v>401</v>
      </c>
      <c r="AA102" s="24">
        <f>'[1]年齢別人口市区町村(総数)'!K119</f>
        <v>7242</v>
      </c>
      <c r="AB102" s="23">
        <f>'[1]年齢別人口市区町村(日本人)'!L119</f>
        <v>7836</v>
      </c>
      <c r="AC102" s="23">
        <f>'[1]年齢別人口市区町村(外国人)'!L119</f>
        <v>312</v>
      </c>
      <c r="AD102" s="24">
        <f>'[1]年齢別人口市区町村(総数)'!L119</f>
        <v>8148</v>
      </c>
      <c r="AE102" s="23">
        <f>'[1]年齢別人口市区町村(日本人)'!M119</f>
        <v>9358</v>
      </c>
      <c r="AF102" s="23">
        <f>'[1]年齢別人口市区町村(外国人)'!M119</f>
        <v>357</v>
      </c>
      <c r="AG102" s="24">
        <f>'[1]年齢別人口市区町村(総数)'!M119</f>
        <v>9715</v>
      </c>
      <c r="AH102" s="23">
        <f>'[1]年齢別人口市区町村(日本人)'!N119</f>
        <v>11378</v>
      </c>
      <c r="AI102" s="23">
        <f>'[1]年齢別人口市区町村(外国人)'!N119</f>
        <v>367</v>
      </c>
      <c r="AJ102" s="24">
        <f>'[1]年齢別人口市区町村(総数)'!N119</f>
        <v>11745</v>
      </c>
      <c r="AK102" s="23">
        <f>'[1]年齢別人口市区町村(日本人)'!O119</f>
        <v>14858</v>
      </c>
      <c r="AL102" s="23">
        <f>'[1]年齢別人口市区町村(外国人)'!O119</f>
        <v>365</v>
      </c>
      <c r="AM102" s="24">
        <f>'[1]年齢別人口市区町村(総数)'!O119</f>
        <v>15223</v>
      </c>
      <c r="AN102" s="23">
        <f>'[1]年齢別人口市区町村(日本人)'!P119</f>
        <v>13575</v>
      </c>
      <c r="AO102" s="23">
        <f>'[1]年齢別人口市区町村(外国人)'!P119</f>
        <v>367</v>
      </c>
      <c r="AP102" s="24">
        <f>'[1]年齢別人口市区町村(総数)'!P119</f>
        <v>13942</v>
      </c>
      <c r="AQ102" s="23">
        <f>'[1]年齢別人口市区町村(日本人)'!Q119</f>
        <v>12063</v>
      </c>
      <c r="AR102" s="23">
        <f>'[1]年齢別人口市区町村(外国人)'!Q119</f>
        <v>237</v>
      </c>
      <c r="AS102" s="24">
        <f>'[1]年齢別人口市区町村(総数)'!Q119</f>
        <v>12300</v>
      </c>
      <c r="AT102" s="23">
        <f>'[1]年齢別人口市区町村(日本人)'!R119</f>
        <v>10982</v>
      </c>
      <c r="AU102" s="23">
        <f>'[1]年齢別人口市区町村(外国人)'!R119</f>
        <v>135</v>
      </c>
      <c r="AV102" s="24">
        <f>'[1]年齢別人口市区町村(総数)'!R119</f>
        <v>11117</v>
      </c>
      <c r="AW102" s="23">
        <f>'[1]年齢別人口市区町村(日本人)'!S119</f>
        <v>12521</v>
      </c>
      <c r="AX102" s="23">
        <f>'[1]年齢別人口市区町村(外国人)'!S119</f>
        <v>85</v>
      </c>
      <c r="AY102" s="24">
        <f>'[1]年齢別人口市区町村(総数)'!S119</f>
        <v>12606</v>
      </c>
      <c r="AZ102" s="23">
        <f>'[1]年齢別人口市区町村(日本人)'!T119</f>
        <v>16412</v>
      </c>
      <c r="BA102" s="23">
        <f>'[1]年齢別人口市区町村(外国人)'!T119</f>
        <v>66</v>
      </c>
      <c r="BB102" s="24">
        <f>'[1]年齢別人口市区町村(総数)'!T119</f>
        <v>16478</v>
      </c>
      <c r="BC102" s="23">
        <f>'[1]年齢別人口市区町村(日本人)'!U119</f>
        <v>13114</v>
      </c>
      <c r="BD102" s="23">
        <f>'[1]年齢別人口市区町村(外国人)'!U119</f>
        <v>35</v>
      </c>
      <c r="BE102" s="24">
        <f>'[1]年齢別人口市区町村(総数)'!U119</f>
        <v>13149</v>
      </c>
      <c r="BF102" s="23">
        <f>'[1]年齢別人口市区町村(日本人)'!V119</f>
        <v>8881</v>
      </c>
      <c r="BG102" s="23">
        <f>'[1]年齢別人口市区町村(外国人)'!V119</f>
        <v>23</v>
      </c>
      <c r="BH102" s="24">
        <f>'[1]年齢別人口市区町村(総数)'!V119</f>
        <v>8904</v>
      </c>
      <c r="BI102" s="23">
        <f>'[1]年齢別人口市区町村(日本人)'!W119</f>
        <v>4978</v>
      </c>
      <c r="BJ102" s="23">
        <f>'[1]年齢別人口市区町村(外国人)'!W119</f>
        <v>9</v>
      </c>
      <c r="BK102" s="24">
        <f>'[1]年齢別人口市区町村(総数)'!W119</f>
        <v>4987</v>
      </c>
      <c r="BL102" s="23">
        <f>'[1]年齢別人口市区町村(日本人)'!X119</f>
        <v>1494</v>
      </c>
      <c r="BM102" s="23">
        <f>'[1]年齢別人口市区町村(外国人)'!X119</f>
        <v>4</v>
      </c>
      <c r="BN102" s="24">
        <f>'[1]年齢別人口市区町村(総数)'!X119</f>
        <v>1498</v>
      </c>
      <c r="BO102" s="23">
        <f>'[1]年齢別人口市区町村(日本人)'!Y119</f>
        <v>245</v>
      </c>
      <c r="BP102" s="23">
        <f>'[1]年齢別人口市区町村(外国人)'!Y119</f>
        <v>0</v>
      </c>
      <c r="BQ102" s="61">
        <f>'[1]年齢別人口市区町村(総数)'!Y119</f>
        <v>245</v>
      </c>
    </row>
    <row r="103" spans="1:69" ht="15" thickBot="1" x14ac:dyDescent="0.2">
      <c r="A103" s="29"/>
      <c r="B103" s="25" t="s">
        <v>32</v>
      </c>
      <c r="C103" s="47"/>
      <c r="D103" s="26">
        <f>'[1]年齢別人口市区町村(日本人)'!D117</f>
        <v>366743</v>
      </c>
      <c r="E103" s="27">
        <f>'[1]年齢別人口市区町村(外国人)'!D117</f>
        <v>8108</v>
      </c>
      <c r="F103" s="28">
        <f>'[1]年齢別人口市区町村(総数)'!D117</f>
        <v>374851</v>
      </c>
      <c r="G103" s="27">
        <f>'[1]年齢別人口市区町村(日本人)'!E117</f>
        <v>8469</v>
      </c>
      <c r="H103" s="27">
        <f>'[1]年齢別人口市区町村(外国人)'!E117</f>
        <v>192</v>
      </c>
      <c r="I103" s="28">
        <f>'[1]年齢別人口市区町村(総数)'!E117</f>
        <v>8661</v>
      </c>
      <c r="J103" s="27">
        <f>'[1]年齢別人口市区町村(日本人)'!F117</f>
        <v>11789</v>
      </c>
      <c r="K103" s="27">
        <f>'[1]年齢別人口市区町村(外国人)'!F117</f>
        <v>180</v>
      </c>
      <c r="L103" s="28">
        <f>'[1]年齢別人口市区町村(総数)'!F117</f>
        <v>11969</v>
      </c>
      <c r="M103" s="27">
        <f>'[1]年齢別人口市区町村(日本人)'!G117</f>
        <v>14083</v>
      </c>
      <c r="N103" s="27">
        <f>'[1]年齢別人口市区町村(外国人)'!G117</f>
        <v>192</v>
      </c>
      <c r="O103" s="28">
        <f>'[1]年齢別人口市区町村(総数)'!G117</f>
        <v>14275</v>
      </c>
      <c r="P103" s="27">
        <f>'[1]年齢別人口市区町村(日本人)'!H117</f>
        <v>17491</v>
      </c>
      <c r="Q103" s="27">
        <f>'[1]年齢別人口市区町村(外国人)'!H117</f>
        <v>233</v>
      </c>
      <c r="R103" s="28">
        <f>'[1]年齢別人口市区町村(総数)'!H117</f>
        <v>17724</v>
      </c>
      <c r="S103" s="27">
        <f>'[1]年齢別人口市区町村(日本人)'!I117</f>
        <v>18614</v>
      </c>
      <c r="T103" s="27">
        <f>'[1]年齢別人口市区町村(外国人)'!I117</f>
        <v>999</v>
      </c>
      <c r="U103" s="28">
        <f>'[1]年齢別人口市区町村(総数)'!I117</f>
        <v>19613</v>
      </c>
      <c r="V103" s="27">
        <f>'[1]年齢別人口市区町村(日本人)'!J117</f>
        <v>15535</v>
      </c>
      <c r="W103" s="27">
        <f>'[1]年齢別人口市区町村(外国人)'!J117</f>
        <v>1207</v>
      </c>
      <c r="X103" s="28">
        <f>'[1]年齢別人口市区町村(総数)'!J117</f>
        <v>16742</v>
      </c>
      <c r="Y103" s="27">
        <f>'[1]年齢別人口市区町村(日本人)'!K117</f>
        <v>14784</v>
      </c>
      <c r="Z103" s="27">
        <f>'[1]年齢別人口市区町村(外国人)'!K117</f>
        <v>1048</v>
      </c>
      <c r="AA103" s="28">
        <f>'[1]年齢別人口市区町村(総数)'!K117</f>
        <v>15832</v>
      </c>
      <c r="AB103" s="27">
        <f>'[1]年齢別人口市区町村(日本人)'!L117</f>
        <v>16499</v>
      </c>
      <c r="AC103" s="27">
        <f>'[1]年齢別人口市区町村(外国人)'!L117</f>
        <v>720</v>
      </c>
      <c r="AD103" s="28">
        <f>'[1]年齢別人口市区町村(総数)'!L117</f>
        <v>17219</v>
      </c>
      <c r="AE103" s="27">
        <f>'[1]年齢別人口市区町村(日本人)'!M117</f>
        <v>19475</v>
      </c>
      <c r="AF103" s="27">
        <f>'[1]年齢別人口市区町村(外国人)'!M117</f>
        <v>657</v>
      </c>
      <c r="AG103" s="28">
        <f>'[1]年齢別人口市区町村(総数)'!M117</f>
        <v>20132</v>
      </c>
      <c r="AH103" s="27">
        <f>'[1]年齢別人口市区町村(日本人)'!N117</f>
        <v>23599</v>
      </c>
      <c r="AI103" s="27">
        <f>'[1]年齢別人口市区町村(外国人)'!N117</f>
        <v>581</v>
      </c>
      <c r="AJ103" s="28">
        <f>'[1]年齢別人口市区町村(総数)'!N117</f>
        <v>24180</v>
      </c>
      <c r="AK103" s="27">
        <f>'[1]年齢別人口市区町村(日本人)'!O117</f>
        <v>30717</v>
      </c>
      <c r="AL103" s="27">
        <f>'[1]年齢別人口市区町村(外国人)'!O117</f>
        <v>550</v>
      </c>
      <c r="AM103" s="28">
        <f>'[1]年齢別人口市区町村(総数)'!O117</f>
        <v>31267</v>
      </c>
      <c r="AN103" s="27">
        <f>'[1]年齢別人口市区町村(日本人)'!P117</f>
        <v>28120</v>
      </c>
      <c r="AO103" s="27">
        <f>'[1]年齢別人口市区町村(外国人)'!P117</f>
        <v>548</v>
      </c>
      <c r="AP103" s="28">
        <f>'[1]年齢別人口市区町村(総数)'!P117</f>
        <v>28668</v>
      </c>
      <c r="AQ103" s="27">
        <f>'[1]年齢別人口市区町村(日本人)'!Q117</f>
        <v>24672</v>
      </c>
      <c r="AR103" s="27">
        <f>'[1]年齢別人口市区町村(外国人)'!Q117</f>
        <v>374</v>
      </c>
      <c r="AS103" s="28">
        <f>'[1]年齢別人口市区町村(総数)'!Q117</f>
        <v>25046</v>
      </c>
      <c r="AT103" s="27">
        <f>'[1]年齢別人口市区町村(日本人)'!R117</f>
        <v>22041</v>
      </c>
      <c r="AU103" s="27">
        <f>'[1]年齢別人口市区町村(外国人)'!R117</f>
        <v>227</v>
      </c>
      <c r="AV103" s="28">
        <f>'[1]年齢別人口市区町村(総数)'!R117</f>
        <v>22268</v>
      </c>
      <c r="AW103" s="27">
        <f>'[1]年齢別人口市区町村(日本人)'!S117</f>
        <v>24064</v>
      </c>
      <c r="AX103" s="27">
        <f>'[1]年齢別人口市区町村(外国人)'!S117</f>
        <v>171</v>
      </c>
      <c r="AY103" s="28">
        <f>'[1]年齢別人口市区町村(総数)'!S117</f>
        <v>24235</v>
      </c>
      <c r="AZ103" s="27">
        <f>'[1]年齢別人口市区町村(日本人)'!T117</f>
        <v>29941</v>
      </c>
      <c r="BA103" s="27">
        <f>'[1]年齢別人口市区町村(外国人)'!T117</f>
        <v>110</v>
      </c>
      <c r="BB103" s="28">
        <f>'[1]年齢別人口市区町村(総数)'!T117</f>
        <v>30051</v>
      </c>
      <c r="BC103" s="27">
        <f>'[1]年齢別人口市区町村(日本人)'!U117</f>
        <v>22818</v>
      </c>
      <c r="BD103" s="27">
        <f>'[1]年齢別人口市区町村(外国人)'!U117</f>
        <v>65</v>
      </c>
      <c r="BE103" s="28">
        <f>'[1]年齢別人口市区町村(総数)'!U117</f>
        <v>22883</v>
      </c>
      <c r="BF103" s="27">
        <f>'[1]年齢別人口市区町村(日本人)'!V117</f>
        <v>14569</v>
      </c>
      <c r="BG103" s="27">
        <f>'[1]年齢別人口市区町村(外国人)'!V117</f>
        <v>37</v>
      </c>
      <c r="BH103" s="28">
        <f>'[1]年齢別人口市区町村(総数)'!V117</f>
        <v>14606</v>
      </c>
      <c r="BI103" s="27">
        <f>'[1]年齢別人口市区町村(日本人)'!W117</f>
        <v>7281</v>
      </c>
      <c r="BJ103" s="27">
        <f>'[1]年齢別人口市区町村(外国人)'!W117</f>
        <v>13</v>
      </c>
      <c r="BK103" s="28">
        <f>'[1]年齢別人口市区町村(総数)'!W117</f>
        <v>7294</v>
      </c>
      <c r="BL103" s="27">
        <f>'[1]年齢別人口市区町村(日本人)'!X117</f>
        <v>1908</v>
      </c>
      <c r="BM103" s="27">
        <f>'[1]年齢別人口市区町村(外国人)'!X117</f>
        <v>4</v>
      </c>
      <c r="BN103" s="28">
        <f>'[1]年齢別人口市区町村(総数)'!X117</f>
        <v>1912</v>
      </c>
      <c r="BO103" s="27">
        <f>'[1]年齢別人口市区町村(日本人)'!Y117</f>
        <v>274</v>
      </c>
      <c r="BP103" s="27">
        <f>'[1]年齢別人口市区町村(外国人)'!Y117</f>
        <v>0</v>
      </c>
      <c r="BQ103" s="62">
        <f>'[1]年齢別人口市区町村(総数)'!Y117</f>
        <v>274</v>
      </c>
    </row>
    <row r="104" spans="1:69" x14ac:dyDescent="0.15">
      <c r="A104" s="20"/>
      <c r="B104" s="17" t="s">
        <v>29</v>
      </c>
      <c r="C104" s="45">
        <v>142034</v>
      </c>
      <c r="D104" s="18">
        <f>'[1]年齢別人口市区町村(日本人)'!D121</f>
        <v>124416</v>
      </c>
      <c r="E104" s="19">
        <f>'[1]年齢別人口市区町村(外国人)'!D121</f>
        <v>3274</v>
      </c>
      <c r="F104" s="19">
        <f>'[1]年齢別人口市区町村(総数)'!D121</f>
        <v>127690</v>
      </c>
      <c r="G104" s="19">
        <f>'[1]年齢別人口市区町村(日本人)'!E121</f>
        <v>3552</v>
      </c>
      <c r="H104" s="19">
        <f>'[1]年齢別人口市区町村(外国人)'!E121</f>
        <v>109</v>
      </c>
      <c r="I104" s="19">
        <f>'[1]年齢別人口市区町村(総数)'!E121</f>
        <v>3661</v>
      </c>
      <c r="J104" s="19">
        <f>'[1]年齢別人口市区町村(日本人)'!F121</f>
        <v>4545</v>
      </c>
      <c r="K104" s="19">
        <f>'[1]年齢別人口市区町村(外国人)'!F121</f>
        <v>99</v>
      </c>
      <c r="L104" s="19">
        <f>'[1]年齢別人口市区町村(総数)'!F121</f>
        <v>4644</v>
      </c>
      <c r="M104" s="19">
        <f>'[1]年齢別人口市区町村(日本人)'!G121</f>
        <v>5122</v>
      </c>
      <c r="N104" s="19">
        <f>'[1]年齢別人口市区町村(外国人)'!G121</f>
        <v>121</v>
      </c>
      <c r="O104" s="19">
        <f>'[1]年齢別人口市区町村(総数)'!G121</f>
        <v>5243</v>
      </c>
      <c r="P104" s="19">
        <f>'[1]年齢別人口市区町村(日本人)'!H121</f>
        <v>5726</v>
      </c>
      <c r="Q104" s="19">
        <f>'[1]年齢別人口市区町村(外国人)'!H121</f>
        <v>133</v>
      </c>
      <c r="R104" s="19">
        <f>'[1]年齢別人口市区町村(総数)'!H121</f>
        <v>5859</v>
      </c>
      <c r="S104" s="19">
        <f>'[1]年齢別人口市区町村(日本人)'!I121</f>
        <v>6296</v>
      </c>
      <c r="T104" s="19">
        <f>'[1]年齢別人口市区町村(外国人)'!I121</f>
        <v>554</v>
      </c>
      <c r="U104" s="19">
        <f>'[1]年齢別人口市区町村(総数)'!I121</f>
        <v>6850</v>
      </c>
      <c r="V104" s="19">
        <f>'[1]年齢別人口市区町村(日本人)'!J121</f>
        <v>6534</v>
      </c>
      <c r="W104" s="19">
        <f>'[1]年齢別人口市区町村(外国人)'!J121</f>
        <v>487</v>
      </c>
      <c r="X104" s="19">
        <f>'[1]年齢別人口市区町村(総数)'!J121</f>
        <v>7021</v>
      </c>
      <c r="Y104" s="19">
        <f>'[1]年齢別人口市区町村(日本人)'!K121</f>
        <v>6244</v>
      </c>
      <c r="Z104" s="19">
        <f>'[1]年齢別人口市区町村(外国人)'!K121</f>
        <v>416</v>
      </c>
      <c r="AA104" s="19">
        <f>'[1]年齢別人口市区町村(総数)'!K121</f>
        <v>6660</v>
      </c>
      <c r="AB104" s="19">
        <f>'[1]年齢別人口市区町村(日本人)'!L121</f>
        <v>6641</v>
      </c>
      <c r="AC104" s="19">
        <f>'[1]年齢別人口市区町村(外国人)'!L121</f>
        <v>321</v>
      </c>
      <c r="AD104" s="19">
        <f>'[1]年齢別人口市区町村(総数)'!L121</f>
        <v>6962</v>
      </c>
      <c r="AE104" s="19">
        <f>'[1]年齢別人口市区町村(日本人)'!M121</f>
        <v>7624</v>
      </c>
      <c r="AF104" s="19">
        <f>'[1]年齢別人口市区町村(外国人)'!M121</f>
        <v>218</v>
      </c>
      <c r="AG104" s="19">
        <f>'[1]年齢別人口市区町村(総数)'!M121</f>
        <v>7842</v>
      </c>
      <c r="AH104" s="19">
        <f>'[1]年齢別人口市区町村(日本人)'!N121</f>
        <v>9038</v>
      </c>
      <c r="AI104" s="19">
        <f>'[1]年齢別人口市区町村(外国人)'!N121</f>
        <v>194</v>
      </c>
      <c r="AJ104" s="19">
        <f>'[1]年齢別人口市区町村(総数)'!N121</f>
        <v>9232</v>
      </c>
      <c r="AK104" s="19">
        <f>'[1]年齢別人口市区町村(日本人)'!O121</f>
        <v>10860</v>
      </c>
      <c r="AL104" s="19">
        <f>'[1]年齢別人口市区町村(外国人)'!O121</f>
        <v>173</v>
      </c>
      <c r="AM104" s="19">
        <f>'[1]年齢別人口市区町村(総数)'!O121</f>
        <v>11033</v>
      </c>
      <c r="AN104" s="19">
        <f>'[1]年齢別人口市区町村(日本人)'!P121</f>
        <v>10215</v>
      </c>
      <c r="AO104" s="19">
        <f>'[1]年齢別人口市区町村(外国人)'!P121</f>
        <v>158</v>
      </c>
      <c r="AP104" s="19">
        <f>'[1]年齢別人口市区町村(総数)'!P121</f>
        <v>10373</v>
      </c>
      <c r="AQ104" s="19">
        <f>'[1]年齢別人口市区町村(日本人)'!Q121</f>
        <v>8593</v>
      </c>
      <c r="AR104" s="19">
        <f>'[1]年齢別人口市区町村(外国人)'!Q121</f>
        <v>129</v>
      </c>
      <c r="AS104" s="19">
        <f>'[1]年齢別人口市区町村(総数)'!Q121</f>
        <v>8722</v>
      </c>
      <c r="AT104" s="19">
        <f>'[1]年齢別人口市区町村(日本人)'!R121</f>
        <v>7274</v>
      </c>
      <c r="AU104" s="19">
        <f>'[1]年齢別人口市区町村(外国人)'!R121</f>
        <v>82</v>
      </c>
      <c r="AV104" s="19">
        <f>'[1]年齢別人口市区町村(総数)'!R121</f>
        <v>7356</v>
      </c>
      <c r="AW104" s="19">
        <f>'[1]年齢別人口市区町村(日本人)'!S121</f>
        <v>7485</v>
      </c>
      <c r="AX104" s="19">
        <f>'[1]年齢別人口市区町村(外国人)'!S121</f>
        <v>41</v>
      </c>
      <c r="AY104" s="19">
        <f>'[1]年齢別人口市区町村(総数)'!S121</f>
        <v>7526</v>
      </c>
      <c r="AZ104" s="19">
        <f>'[1]年齢別人口市区町村(日本人)'!T121</f>
        <v>8423</v>
      </c>
      <c r="BA104" s="19">
        <f>'[1]年齢別人口市区町村(外国人)'!T121</f>
        <v>21</v>
      </c>
      <c r="BB104" s="19">
        <f>'[1]年齢別人口市区町村(総数)'!T121</f>
        <v>8444</v>
      </c>
      <c r="BC104" s="19">
        <f>'[1]年齢別人口市区町村(日本人)'!U121</f>
        <v>5652</v>
      </c>
      <c r="BD104" s="19">
        <f>'[1]年齢別人口市区町村(外国人)'!U121</f>
        <v>13</v>
      </c>
      <c r="BE104" s="19">
        <f>'[1]年齢別人口市区町村(総数)'!U121</f>
        <v>5665</v>
      </c>
      <c r="BF104" s="19">
        <f>'[1]年齢別人口市区町村(日本人)'!V121</f>
        <v>3189</v>
      </c>
      <c r="BG104" s="19">
        <f>'[1]年齢別人口市区町村(外国人)'!V121</f>
        <v>4</v>
      </c>
      <c r="BH104" s="19">
        <f>'[1]年齢別人口市区町村(総数)'!V121</f>
        <v>3193</v>
      </c>
      <c r="BI104" s="19">
        <f>'[1]年齢別人口市区町村(日本人)'!W121</f>
        <v>1144</v>
      </c>
      <c r="BJ104" s="19">
        <f>'[1]年齢別人口市区町村(外国人)'!W121</f>
        <v>1</v>
      </c>
      <c r="BK104" s="19">
        <f>'[1]年齢別人口市区町村(総数)'!W121</f>
        <v>1145</v>
      </c>
      <c r="BL104" s="19">
        <f>'[1]年齢別人口市区町村(日本人)'!X121</f>
        <v>236</v>
      </c>
      <c r="BM104" s="19">
        <f>'[1]年齢別人口市区町村(外国人)'!X121</f>
        <v>0</v>
      </c>
      <c r="BN104" s="19">
        <f>'[1]年齢別人口市区町村(総数)'!X121</f>
        <v>236</v>
      </c>
      <c r="BO104" s="19">
        <f>'[1]年齢別人口市区町村(日本人)'!Y121</f>
        <v>23</v>
      </c>
      <c r="BP104" s="19">
        <f>'[1]年齢別人口市区町村(外国人)'!Y121</f>
        <v>0</v>
      </c>
      <c r="BQ104" s="60">
        <f>'[1]年齢別人口市区町村(総数)'!Y121</f>
        <v>23</v>
      </c>
    </row>
    <row r="105" spans="1:69" x14ac:dyDescent="0.15">
      <c r="A105" s="20" t="s">
        <v>63</v>
      </c>
      <c r="B105" s="21" t="s">
        <v>31</v>
      </c>
      <c r="C105" s="46"/>
      <c r="D105" s="22">
        <f>'[1]年齢別人口市区町村(日本人)'!D122</f>
        <v>124756</v>
      </c>
      <c r="E105" s="23">
        <f>'[1]年齢別人口市区町村(外国人)'!D122</f>
        <v>3521</v>
      </c>
      <c r="F105" s="24">
        <f>'[1]年齢別人口市区町村(総数)'!D122</f>
        <v>128277</v>
      </c>
      <c r="G105" s="23">
        <f>'[1]年齢別人口市区町村(日本人)'!E122</f>
        <v>3439</v>
      </c>
      <c r="H105" s="23">
        <f>'[1]年齢別人口市区町村(外国人)'!E122</f>
        <v>102</v>
      </c>
      <c r="I105" s="24">
        <f>'[1]年齢別人口市区町村(総数)'!E122</f>
        <v>3541</v>
      </c>
      <c r="J105" s="23">
        <f>'[1]年齢別人口市区町村(日本人)'!F122</f>
        <v>4387</v>
      </c>
      <c r="K105" s="23">
        <f>'[1]年齢別人口市区町村(外国人)'!F122</f>
        <v>98</v>
      </c>
      <c r="L105" s="24">
        <f>'[1]年齢別人口市区町村(総数)'!F122</f>
        <v>4485</v>
      </c>
      <c r="M105" s="23">
        <f>'[1]年齢別人口市区町村(日本人)'!G122</f>
        <v>4848</v>
      </c>
      <c r="N105" s="23">
        <f>'[1]年齢別人口市区町村(外国人)'!G122</f>
        <v>115</v>
      </c>
      <c r="O105" s="24">
        <f>'[1]年齢別人口市区町村(総数)'!G122</f>
        <v>4963</v>
      </c>
      <c r="P105" s="23">
        <f>'[1]年齢別人口市区町村(日本人)'!H122</f>
        <v>5488</v>
      </c>
      <c r="Q105" s="23">
        <f>'[1]年齢別人口市区町村(外国人)'!H122</f>
        <v>112</v>
      </c>
      <c r="R105" s="24">
        <f>'[1]年齢別人口市区町村(総数)'!H122</f>
        <v>5600</v>
      </c>
      <c r="S105" s="23">
        <f>'[1]年齢別人口市区町村(日本人)'!I122</f>
        <v>5823</v>
      </c>
      <c r="T105" s="23">
        <f>'[1]年齢別人口市区町村(外国人)'!I122</f>
        <v>364</v>
      </c>
      <c r="U105" s="24">
        <f>'[1]年齢別人口市区町村(総数)'!I122</f>
        <v>6187</v>
      </c>
      <c r="V105" s="23">
        <f>'[1]年齢別人口市区町村(日本人)'!J122</f>
        <v>5817</v>
      </c>
      <c r="W105" s="23">
        <f>'[1]年齢別人口市区町村(外国人)'!J122</f>
        <v>396</v>
      </c>
      <c r="X105" s="24">
        <f>'[1]年齢別人口市区町村(総数)'!J122</f>
        <v>6213</v>
      </c>
      <c r="Y105" s="23">
        <f>'[1]年齢別人口市区町村(日本人)'!K122</f>
        <v>5534</v>
      </c>
      <c r="Z105" s="23">
        <f>'[1]年齢別人口市区町村(外国人)'!K122</f>
        <v>412</v>
      </c>
      <c r="AA105" s="24">
        <f>'[1]年齢別人口市区町村(総数)'!K122</f>
        <v>5946</v>
      </c>
      <c r="AB105" s="23">
        <f>'[1]年齢別人口市区町村(日本人)'!L122</f>
        <v>5868</v>
      </c>
      <c r="AC105" s="23">
        <f>'[1]年齢別人口市区町村(外国人)'!L122</f>
        <v>337</v>
      </c>
      <c r="AD105" s="24">
        <f>'[1]年齢別人口市区町村(総数)'!L122</f>
        <v>6205</v>
      </c>
      <c r="AE105" s="23">
        <f>'[1]年齢別人口市区町村(日本人)'!M122</f>
        <v>7111</v>
      </c>
      <c r="AF105" s="23">
        <f>'[1]年齢別人口市区町村(外国人)'!M122</f>
        <v>285</v>
      </c>
      <c r="AG105" s="24">
        <f>'[1]年齢別人口市区町村(総数)'!M122</f>
        <v>7396</v>
      </c>
      <c r="AH105" s="23">
        <f>'[1]年齢別人口市区町村(日本人)'!N122</f>
        <v>8258</v>
      </c>
      <c r="AI105" s="23">
        <f>'[1]年齢別人口市区町村(外国人)'!N122</f>
        <v>322</v>
      </c>
      <c r="AJ105" s="24">
        <f>'[1]年齢別人口市区町村(総数)'!N122</f>
        <v>8580</v>
      </c>
      <c r="AK105" s="23">
        <f>'[1]年齢別人口市区町村(日本人)'!O122</f>
        <v>10187</v>
      </c>
      <c r="AL105" s="23">
        <f>'[1]年齢別人口市区町村(外国人)'!O122</f>
        <v>279</v>
      </c>
      <c r="AM105" s="24">
        <f>'[1]年齢別人口市区町村(総数)'!O122</f>
        <v>10466</v>
      </c>
      <c r="AN105" s="23">
        <f>'[1]年齢別人口市区町村(日本人)'!P122</f>
        <v>9192</v>
      </c>
      <c r="AO105" s="23">
        <f>'[1]年齢別人口市区町村(外国人)'!P122</f>
        <v>281</v>
      </c>
      <c r="AP105" s="24">
        <f>'[1]年齢別人口市区町村(総数)'!P122</f>
        <v>9473</v>
      </c>
      <c r="AQ105" s="23">
        <f>'[1]年齢別人口市区町村(日本人)'!Q122</f>
        <v>7936</v>
      </c>
      <c r="AR105" s="23">
        <f>'[1]年齢別人口市区町村(外国人)'!Q122</f>
        <v>183</v>
      </c>
      <c r="AS105" s="24">
        <f>'[1]年齢別人口市区町村(総数)'!Q122</f>
        <v>8119</v>
      </c>
      <c r="AT105" s="23">
        <f>'[1]年齢別人口市区町村(日本人)'!R122</f>
        <v>7066</v>
      </c>
      <c r="AU105" s="23">
        <f>'[1]年齢別人口市区町村(外国人)'!R122</f>
        <v>120</v>
      </c>
      <c r="AV105" s="24">
        <f>'[1]年齢別人口市区町村(総数)'!R122</f>
        <v>7186</v>
      </c>
      <c r="AW105" s="23">
        <f>'[1]年齢別人口市区町村(日本人)'!S122</f>
        <v>8055</v>
      </c>
      <c r="AX105" s="23">
        <f>'[1]年齢別人口市区町村(外国人)'!S122</f>
        <v>61</v>
      </c>
      <c r="AY105" s="24">
        <f>'[1]年齢別人口市区町村(総数)'!S122</f>
        <v>8116</v>
      </c>
      <c r="AZ105" s="23">
        <f>'[1]年齢別人口市区町村(日本人)'!T122</f>
        <v>9776</v>
      </c>
      <c r="BA105" s="23">
        <f>'[1]年齢別人口市区町村(外国人)'!T122</f>
        <v>23</v>
      </c>
      <c r="BB105" s="24">
        <f>'[1]年齢別人口市区町村(総数)'!T122</f>
        <v>9799</v>
      </c>
      <c r="BC105" s="23">
        <f>'[1]年齢別人口市区町村(日本人)'!U122</f>
        <v>7391</v>
      </c>
      <c r="BD105" s="23">
        <f>'[1]年齢別人口市区町村(外国人)'!U122</f>
        <v>16</v>
      </c>
      <c r="BE105" s="24">
        <f>'[1]年齢別人口市区町村(総数)'!U122</f>
        <v>7407</v>
      </c>
      <c r="BF105" s="23">
        <f>'[1]年齢別人口市区町村(日本人)'!V122</f>
        <v>4872</v>
      </c>
      <c r="BG105" s="23">
        <f>'[1]年齢別人口市区町村(外国人)'!V122</f>
        <v>9</v>
      </c>
      <c r="BH105" s="24">
        <f>'[1]年齢別人口市区町村(総数)'!V122</f>
        <v>4881</v>
      </c>
      <c r="BI105" s="23">
        <f>'[1]年齢別人口市区町村(日本人)'!W122</f>
        <v>2705</v>
      </c>
      <c r="BJ105" s="23">
        <f>'[1]年齢別人口市区町村(外国人)'!W122</f>
        <v>5</v>
      </c>
      <c r="BK105" s="24">
        <f>'[1]年齢別人口市区町村(総数)'!W122</f>
        <v>2710</v>
      </c>
      <c r="BL105" s="23">
        <f>'[1]年齢別人口市区町村(日本人)'!X122</f>
        <v>846</v>
      </c>
      <c r="BM105" s="23">
        <f>'[1]年齢別人口市区町村(外国人)'!X122</f>
        <v>1</v>
      </c>
      <c r="BN105" s="24">
        <f>'[1]年齢別人口市区町村(総数)'!X122</f>
        <v>847</v>
      </c>
      <c r="BO105" s="23">
        <f>'[1]年齢別人口市区町村(日本人)'!Y122</f>
        <v>157</v>
      </c>
      <c r="BP105" s="23">
        <f>'[1]年齢別人口市区町村(外国人)'!Y122</f>
        <v>0</v>
      </c>
      <c r="BQ105" s="61">
        <f>'[1]年齢別人口市区町村(総数)'!Y122</f>
        <v>157</v>
      </c>
    </row>
    <row r="106" spans="1:69" ht="15" thickBot="1" x14ac:dyDescent="0.2">
      <c r="A106" s="29"/>
      <c r="B106" s="25" t="s">
        <v>32</v>
      </c>
      <c r="C106" s="47"/>
      <c r="D106" s="26">
        <f>'[1]年齢別人口市区町村(日本人)'!D120</f>
        <v>249172</v>
      </c>
      <c r="E106" s="27">
        <f>'[1]年齢別人口市区町村(外国人)'!D120</f>
        <v>6795</v>
      </c>
      <c r="F106" s="28">
        <f>'[1]年齢別人口市区町村(総数)'!D120</f>
        <v>255967</v>
      </c>
      <c r="G106" s="27">
        <f>'[1]年齢別人口市区町村(日本人)'!E120</f>
        <v>6991</v>
      </c>
      <c r="H106" s="27">
        <f>'[1]年齢別人口市区町村(外国人)'!E120</f>
        <v>211</v>
      </c>
      <c r="I106" s="28">
        <f>'[1]年齢別人口市区町村(総数)'!E120</f>
        <v>7202</v>
      </c>
      <c r="J106" s="27">
        <f>'[1]年齢別人口市区町村(日本人)'!F120</f>
        <v>8932</v>
      </c>
      <c r="K106" s="27">
        <f>'[1]年齢別人口市区町村(外国人)'!F120</f>
        <v>197</v>
      </c>
      <c r="L106" s="28">
        <f>'[1]年齢別人口市区町村(総数)'!F120</f>
        <v>9129</v>
      </c>
      <c r="M106" s="27">
        <f>'[1]年齢別人口市区町村(日本人)'!G120</f>
        <v>9970</v>
      </c>
      <c r="N106" s="27">
        <f>'[1]年齢別人口市区町村(外国人)'!G120</f>
        <v>236</v>
      </c>
      <c r="O106" s="28">
        <f>'[1]年齢別人口市区町村(総数)'!G120</f>
        <v>10206</v>
      </c>
      <c r="P106" s="27">
        <f>'[1]年齢別人口市区町村(日本人)'!H120</f>
        <v>11214</v>
      </c>
      <c r="Q106" s="27">
        <f>'[1]年齢別人口市区町村(外国人)'!H120</f>
        <v>245</v>
      </c>
      <c r="R106" s="28">
        <f>'[1]年齢別人口市区町村(総数)'!H120</f>
        <v>11459</v>
      </c>
      <c r="S106" s="27">
        <f>'[1]年齢別人口市区町村(日本人)'!I120</f>
        <v>12119</v>
      </c>
      <c r="T106" s="27">
        <f>'[1]年齢別人口市区町村(外国人)'!I120</f>
        <v>918</v>
      </c>
      <c r="U106" s="28">
        <f>'[1]年齢別人口市区町村(総数)'!I120</f>
        <v>13037</v>
      </c>
      <c r="V106" s="27">
        <f>'[1]年齢別人口市区町村(日本人)'!J120</f>
        <v>12351</v>
      </c>
      <c r="W106" s="27">
        <f>'[1]年齢別人口市区町村(外国人)'!J120</f>
        <v>883</v>
      </c>
      <c r="X106" s="28">
        <f>'[1]年齢別人口市区町村(総数)'!J120</f>
        <v>13234</v>
      </c>
      <c r="Y106" s="27">
        <f>'[1]年齢別人口市区町村(日本人)'!K120</f>
        <v>11778</v>
      </c>
      <c r="Z106" s="27">
        <f>'[1]年齢別人口市区町村(外国人)'!K120</f>
        <v>828</v>
      </c>
      <c r="AA106" s="28">
        <f>'[1]年齢別人口市区町村(総数)'!K120</f>
        <v>12606</v>
      </c>
      <c r="AB106" s="27">
        <f>'[1]年齢別人口市区町村(日本人)'!L120</f>
        <v>12509</v>
      </c>
      <c r="AC106" s="27">
        <f>'[1]年齢別人口市区町村(外国人)'!L120</f>
        <v>658</v>
      </c>
      <c r="AD106" s="28">
        <f>'[1]年齢別人口市区町村(総数)'!L120</f>
        <v>13167</v>
      </c>
      <c r="AE106" s="27">
        <f>'[1]年齢別人口市区町村(日本人)'!M120</f>
        <v>14735</v>
      </c>
      <c r="AF106" s="27">
        <f>'[1]年齢別人口市区町村(外国人)'!M120</f>
        <v>503</v>
      </c>
      <c r="AG106" s="28">
        <f>'[1]年齢別人口市区町村(総数)'!M120</f>
        <v>15238</v>
      </c>
      <c r="AH106" s="27">
        <f>'[1]年齢別人口市区町村(日本人)'!N120</f>
        <v>17296</v>
      </c>
      <c r="AI106" s="27">
        <f>'[1]年齢別人口市区町村(外国人)'!N120</f>
        <v>516</v>
      </c>
      <c r="AJ106" s="28">
        <f>'[1]年齢別人口市区町村(総数)'!N120</f>
        <v>17812</v>
      </c>
      <c r="AK106" s="27">
        <f>'[1]年齢別人口市区町村(日本人)'!O120</f>
        <v>21047</v>
      </c>
      <c r="AL106" s="27">
        <f>'[1]年齢別人口市区町村(外国人)'!O120</f>
        <v>452</v>
      </c>
      <c r="AM106" s="28">
        <f>'[1]年齢別人口市区町村(総数)'!O120</f>
        <v>21499</v>
      </c>
      <c r="AN106" s="27">
        <f>'[1]年齢別人口市区町村(日本人)'!P120</f>
        <v>19407</v>
      </c>
      <c r="AO106" s="27">
        <f>'[1]年齢別人口市区町村(外国人)'!P120</f>
        <v>439</v>
      </c>
      <c r="AP106" s="28">
        <f>'[1]年齢別人口市区町村(総数)'!P120</f>
        <v>19846</v>
      </c>
      <c r="AQ106" s="27">
        <f>'[1]年齢別人口市区町村(日本人)'!Q120</f>
        <v>16529</v>
      </c>
      <c r="AR106" s="27">
        <f>'[1]年齢別人口市区町村(外国人)'!Q120</f>
        <v>312</v>
      </c>
      <c r="AS106" s="28">
        <f>'[1]年齢別人口市区町村(総数)'!Q120</f>
        <v>16841</v>
      </c>
      <c r="AT106" s="27">
        <f>'[1]年齢別人口市区町村(日本人)'!R120</f>
        <v>14340</v>
      </c>
      <c r="AU106" s="27">
        <f>'[1]年齢別人口市区町村(外国人)'!R120</f>
        <v>202</v>
      </c>
      <c r="AV106" s="28">
        <f>'[1]年齢別人口市区町村(総数)'!R120</f>
        <v>14542</v>
      </c>
      <c r="AW106" s="27">
        <f>'[1]年齢別人口市区町村(日本人)'!S120</f>
        <v>15540</v>
      </c>
      <c r="AX106" s="27">
        <f>'[1]年齢別人口市区町村(外国人)'!S120</f>
        <v>102</v>
      </c>
      <c r="AY106" s="28">
        <f>'[1]年齢別人口市区町村(総数)'!S120</f>
        <v>15642</v>
      </c>
      <c r="AZ106" s="27">
        <f>'[1]年齢別人口市区町村(日本人)'!T120</f>
        <v>18199</v>
      </c>
      <c r="BA106" s="27">
        <f>'[1]年齢別人口市区町村(外国人)'!T120</f>
        <v>44</v>
      </c>
      <c r="BB106" s="28">
        <f>'[1]年齢別人口市区町村(総数)'!T120</f>
        <v>18243</v>
      </c>
      <c r="BC106" s="27">
        <f>'[1]年齢別人口市区町村(日本人)'!U120</f>
        <v>13043</v>
      </c>
      <c r="BD106" s="27">
        <f>'[1]年齢別人口市区町村(外国人)'!U120</f>
        <v>29</v>
      </c>
      <c r="BE106" s="28">
        <f>'[1]年齢別人口市区町村(総数)'!U120</f>
        <v>13072</v>
      </c>
      <c r="BF106" s="27">
        <f>'[1]年齢別人口市区町村(日本人)'!V120</f>
        <v>8061</v>
      </c>
      <c r="BG106" s="27">
        <f>'[1]年齢別人口市区町村(外国人)'!V120</f>
        <v>13</v>
      </c>
      <c r="BH106" s="28">
        <f>'[1]年齢別人口市区町村(総数)'!V120</f>
        <v>8074</v>
      </c>
      <c r="BI106" s="27">
        <f>'[1]年齢別人口市区町村(日本人)'!W120</f>
        <v>3849</v>
      </c>
      <c r="BJ106" s="27">
        <f>'[1]年齢別人口市区町村(外国人)'!W120</f>
        <v>6</v>
      </c>
      <c r="BK106" s="28">
        <f>'[1]年齢別人口市区町村(総数)'!W120</f>
        <v>3855</v>
      </c>
      <c r="BL106" s="27">
        <f>'[1]年齢別人口市区町村(日本人)'!X120</f>
        <v>1082</v>
      </c>
      <c r="BM106" s="27">
        <f>'[1]年齢別人口市区町村(外国人)'!X120</f>
        <v>1</v>
      </c>
      <c r="BN106" s="28">
        <f>'[1]年齢別人口市区町村(総数)'!X120</f>
        <v>1083</v>
      </c>
      <c r="BO106" s="27">
        <f>'[1]年齢別人口市区町村(日本人)'!Y120</f>
        <v>180</v>
      </c>
      <c r="BP106" s="27">
        <f>'[1]年齢別人口市区町村(外国人)'!Y120</f>
        <v>0</v>
      </c>
      <c r="BQ106" s="62">
        <f>'[1]年齢別人口市区町村(総数)'!Y120</f>
        <v>180</v>
      </c>
    </row>
    <row r="107" spans="1:69" x14ac:dyDescent="0.15">
      <c r="A107" s="20"/>
      <c r="B107" s="17" t="s">
        <v>29</v>
      </c>
      <c r="C107" s="45">
        <v>142042</v>
      </c>
      <c r="D107" s="18">
        <f>'[1]年齢別人口市区町村(日本人)'!D124</f>
        <v>81000</v>
      </c>
      <c r="E107" s="19">
        <f>'[1]年齢別人口市区町村(外国人)'!D124</f>
        <v>1138</v>
      </c>
      <c r="F107" s="19">
        <f>'[1]年齢別人口市区町村(総数)'!D124</f>
        <v>82138</v>
      </c>
      <c r="G107" s="19">
        <f>'[1]年齢別人口市区町村(日本人)'!E124</f>
        <v>2304</v>
      </c>
      <c r="H107" s="19">
        <f>'[1]年齢別人口市区町村(外国人)'!E124</f>
        <v>15</v>
      </c>
      <c r="I107" s="19">
        <f>'[1]年齢別人口市区町村(総数)'!E124</f>
        <v>2319</v>
      </c>
      <c r="J107" s="19">
        <f>'[1]年齢別人口市区町村(日本人)'!F124</f>
        <v>3039</v>
      </c>
      <c r="K107" s="19">
        <f>'[1]年齢別人口市区町村(外国人)'!F124</f>
        <v>12</v>
      </c>
      <c r="L107" s="19">
        <f>'[1]年齢別人口市区町村(総数)'!F124</f>
        <v>3051</v>
      </c>
      <c r="M107" s="19">
        <f>'[1]年齢別人口市区町村(日本人)'!G124</f>
        <v>3682</v>
      </c>
      <c r="N107" s="19">
        <f>'[1]年齢別人口市区町村(外国人)'!G124</f>
        <v>20</v>
      </c>
      <c r="O107" s="19">
        <f>'[1]年齢別人口市区町村(総数)'!G124</f>
        <v>3702</v>
      </c>
      <c r="P107" s="19">
        <f>'[1]年齢別人口市区町村(日本人)'!H124</f>
        <v>3990</v>
      </c>
      <c r="Q107" s="19">
        <f>'[1]年齢別人口市区町村(外国人)'!H124</f>
        <v>20</v>
      </c>
      <c r="R107" s="19">
        <f>'[1]年齢別人口市区町村(総数)'!H124</f>
        <v>4010</v>
      </c>
      <c r="S107" s="19">
        <f>'[1]年齢別人口市区町村(日本人)'!I124</f>
        <v>3719</v>
      </c>
      <c r="T107" s="19">
        <f>'[1]年齢別人口市区町村(外国人)'!I124</f>
        <v>68</v>
      </c>
      <c r="U107" s="19">
        <f>'[1]年齢別人口市区町村(総数)'!I124</f>
        <v>3787</v>
      </c>
      <c r="V107" s="19">
        <f>'[1]年齢別人口市区町村(日本人)'!J124</f>
        <v>3306</v>
      </c>
      <c r="W107" s="19">
        <f>'[1]年齢別人口市区町村(外国人)'!J124</f>
        <v>90</v>
      </c>
      <c r="X107" s="19">
        <f>'[1]年齢別人口市区町村(総数)'!J124</f>
        <v>3396</v>
      </c>
      <c r="Y107" s="19">
        <f>'[1]年齢別人口市区町村(日本人)'!K124</f>
        <v>3184</v>
      </c>
      <c r="Z107" s="19">
        <f>'[1]年齢別人口市区町村(外国人)'!K124</f>
        <v>129</v>
      </c>
      <c r="AA107" s="19">
        <f>'[1]年齢別人口市区町村(総数)'!K124</f>
        <v>3313</v>
      </c>
      <c r="AB107" s="19">
        <f>'[1]年齢別人口市区町村(日本人)'!L124</f>
        <v>3717</v>
      </c>
      <c r="AC107" s="19">
        <f>'[1]年齢別人口市区町村(外国人)'!L124</f>
        <v>115</v>
      </c>
      <c r="AD107" s="19">
        <f>'[1]年齢別人口市区町村(総数)'!L124</f>
        <v>3832</v>
      </c>
      <c r="AE107" s="19">
        <f>'[1]年齢別人口市区町村(日本人)'!M124</f>
        <v>4625</v>
      </c>
      <c r="AF107" s="19">
        <f>'[1]年齢別人口市区町村(外国人)'!M124</f>
        <v>129</v>
      </c>
      <c r="AG107" s="19">
        <f>'[1]年齢別人口市区町村(総数)'!M124</f>
        <v>4754</v>
      </c>
      <c r="AH107" s="19">
        <f>'[1]年齢別人口市区町村(日本人)'!N124</f>
        <v>5905</v>
      </c>
      <c r="AI107" s="19">
        <f>'[1]年齢別人口市区町村(外国人)'!N124</f>
        <v>120</v>
      </c>
      <c r="AJ107" s="19">
        <f>'[1]年齢別人口市区町村(総数)'!N124</f>
        <v>6025</v>
      </c>
      <c r="AK107" s="19">
        <f>'[1]年齢別人口市区町村(日本人)'!O124</f>
        <v>7467</v>
      </c>
      <c r="AL107" s="19">
        <f>'[1]年齢別人口市区町村(外国人)'!O124</f>
        <v>112</v>
      </c>
      <c r="AM107" s="19">
        <f>'[1]年齢別人口市区町村(総数)'!O124</f>
        <v>7579</v>
      </c>
      <c r="AN107" s="19">
        <f>'[1]年齢別人口市区町村(日本人)'!P124</f>
        <v>7366</v>
      </c>
      <c r="AO107" s="19">
        <f>'[1]年齢別人口市区町村(外国人)'!P124</f>
        <v>81</v>
      </c>
      <c r="AP107" s="19">
        <f>'[1]年齢別人口市区町村(総数)'!P124</f>
        <v>7447</v>
      </c>
      <c r="AQ107" s="19">
        <f>'[1]年齢別人口市区町村(日本人)'!Q124</f>
        <v>6302</v>
      </c>
      <c r="AR107" s="19">
        <f>'[1]年齢別人口市区町村(外国人)'!Q124</f>
        <v>87</v>
      </c>
      <c r="AS107" s="19">
        <f>'[1]年齢別人口市区町村(総数)'!Q124</f>
        <v>6389</v>
      </c>
      <c r="AT107" s="19">
        <f>'[1]年齢別人口市区町村(日本人)'!R124</f>
        <v>4817</v>
      </c>
      <c r="AU107" s="19">
        <f>'[1]年齢別人口市区町村(外国人)'!R124</f>
        <v>52</v>
      </c>
      <c r="AV107" s="19">
        <f>'[1]年齢別人口市区町村(総数)'!R124</f>
        <v>4869</v>
      </c>
      <c r="AW107" s="19">
        <f>'[1]年齢別人口市区町村(日本人)'!S124</f>
        <v>4287</v>
      </c>
      <c r="AX107" s="19">
        <f>'[1]年齢別人口市区町村(外国人)'!S124</f>
        <v>32</v>
      </c>
      <c r="AY107" s="19">
        <f>'[1]年齢別人口市区町村(総数)'!S124</f>
        <v>4319</v>
      </c>
      <c r="AZ107" s="19">
        <f>'[1]年齢別人口市区町村(日本人)'!T124</f>
        <v>5285</v>
      </c>
      <c r="BA107" s="19">
        <f>'[1]年齢別人口市区町村(外国人)'!T124</f>
        <v>25</v>
      </c>
      <c r="BB107" s="19">
        <f>'[1]年齢別人口市区町村(総数)'!T124</f>
        <v>5310</v>
      </c>
      <c r="BC107" s="19">
        <f>'[1]年齢別人口市区町村(日本人)'!U124</f>
        <v>3803</v>
      </c>
      <c r="BD107" s="19">
        <f>'[1]年齢別人口市区町村(外国人)'!U124</f>
        <v>17</v>
      </c>
      <c r="BE107" s="19">
        <f>'[1]年齢別人口市区町村(総数)'!U124</f>
        <v>3820</v>
      </c>
      <c r="BF107" s="19">
        <f>'[1]年齢別人口市区町村(日本人)'!V124</f>
        <v>2619</v>
      </c>
      <c r="BG107" s="19">
        <f>'[1]年齢別人口市区町村(外国人)'!V124</f>
        <v>11</v>
      </c>
      <c r="BH107" s="19">
        <f>'[1]年齢別人口市区町村(総数)'!V124</f>
        <v>2630</v>
      </c>
      <c r="BI107" s="19">
        <f>'[1]年齢別人口市区町村(日本人)'!W124</f>
        <v>1271</v>
      </c>
      <c r="BJ107" s="19">
        <f>'[1]年齢別人口市区町村(外国人)'!W124</f>
        <v>3</v>
      </c>
      <c r="BK107" s="19">
        <f>'[1]年齢別人口市区町村(総数)'!W124</f>
        <v>1274</v>
      </c>
      <c r="BL107" s="19">
        <f>'[1]年齢別人口市区町村(日本人)'!X124</f>
        <v>291</v>
      </c>
      <c r="BM107" s="19">
        <f>'[1]年齢別人口市区町村(外国人)'!X124</f>
        <v>0</v>
      </c>
      <c r="BN107" s="19">
        <f>'[1]年齢別人口市区町村(総数)'!X124</f>
        <v>291</v>
      </c>
      <c r="BO107" s="19">
        <f>'[1]年齢別人口市区町村(日本人)'!Y124</f>
        <v>21</v>
      </c>
      <c r="BP107" s="19">
        <f>'[1]年齢別人口市区町村(外国人)'!Y124</f>
        <v>0</v>
      </c>
      <c r="BQ107" s="60">
        <f>'[1]年齢別人口市区町村(総数)'!Y124</f>
        <v>21</v>
      </c>
    </row>
    <row r="108" spans="1:69" x14ac:dyDescent="0.15">
      <c r="A108" s="20" t="s">
        <v>64</v>
      </c>
      <c r="B108" s="21" t="s">
        <v>31</v>
      </c>
      <c r="C108" s="46"/>
      <c r="D108" s="22">
        <f>'[1]年齢別人口市区町村(日本人)'!D125</f>
        <v>90439</v>
      </c>
      <c r="E108" s="23">
        <f>'[1]年齢別人口市区町村(外国人)'!D125</f>
        <v>1025</v>
      </c>
      <c r="F108" s="24">
        <f>'[1]年齢別人口市区町村(総数)'!D125</f>
        <v>91464</v>
      </c>
      <c r="G108" s="23">
        <f>'[1]年齢別人口市区町村(日本人)'!E125</f>
        <v>2071</v>
      </c>
      <c r="H108" s="23">
        <f>'[1]年齢別人口市区町村(外国人)'!E125</f>
        <v>23</v>
      </c>
      <c r="I108" s="24">
        <f>'[1]年齢別人口市区町村(総数)'!E125</f>
        <v>2094</v>
      </c>
      <c r="J108" s="23">
        <f>'[1]年齢別人口市区町村(日本人)'!F125</f>
        <v>3014</v>
      </c>
      <c r="K108" s="23">
        <f>'[1]年齢別人口市区町村(外国人)'!F125</f>
        <v>11</v>
      </c>
      <c r="L108" s="24">
        <f>'[1]年齢別人口市区町村(総数)'!F125</f>
        <v>3025</v>
      </c>
      <c r="M108" s="23">
        <f>'[1]年齢別人口市区町村(日本人)'!G125</f>
        <v>3505</v>
      </c>
      <c r="N108" s="23">
        <f>'[1]年齢別人口市区町村(外国人)'!G125</f>
        <v>15</v>
      </c>
      <c r="O108" s="24">
        <f>'[1]年齢別人口市区町村(総数)'!G125</f>
        <v>3520</v>
      </c>
      <c r="P108" s="23">
        <f>'[1]年齢別人口市区町村(日本人)'!H125</f>
        <v>3776</v>
      </c>
      <c r="Q108" s="23">
        <f>'[1]年齢別人口市区町村(外国人)'!H125</f>
        <v>21</v>
      </c>
      <c r="R108" s="24">
        <f>'[1]年齢別人口市区町村(総数)'!H125</f>
        <v>3797</v>
      </c>
      <c r="S108" s="23">
        <f>'[1]年齢別人口市区町村(日本人)'!I125</f>
        <v>3756</v>
      </c>
      <c r="T108" s="23">
        <f>'[1]年齢別人口市区町村(外国人)'!I125</f>
        <v>72</v>
      </c>
      <c r="U108" s="24">
        <f>'[1]年齢別人口市区町村(総数)'!I125</f>
        <v>3828</v>
      </c>
      <c r="V108" s="23">
        <f>'[1]年齢別人口市区町村(日本人)'!J125</f>
        <v>3398</v>
      </c>
      <c r="W108" s="23">
        <f>'[1]年齢別人口市区町村(外国人)'!J125</f>
        <v>110</v>
      </c>
      <c r="X108" s="24">
        <f>'[1]年齢別人口市区町村(総数)'!J125</f>
        <v>3508</v>
      </c>
      <c r="Y108" s="23">
        <f>'[1]年齢別人口市区町村(日本人)'!K125</f>
        <v>3294</v>
      </c>
      <c r="Z108" s="23">
        <f>'[1]年齢別人口市区町村(外国人)'!K125</f>
        <v>105</v>
      </c>
      <c r="AA108" s="24">
        <f>'[1]年齢別人口市区町村(総数)'!K125</f>
        <v>3399</v>
      </c>
      <c r="AB108" s="23">
        <f>'[1]年齢別人口市区町村(日本人)'!L125</f>
        <v>3883</v>
      </c>
      <c r="AC108" s="23">
        <f>'[1]年齢別人口市区町村(外国人)'!L125</f>
        <v>112</v>
      </c>
      <c r="AD108" s="24">
        <f>'[1]年齢別人口市区町村(総数)'!L125</f>
        <v>3995</v>
      </c>
      <c r="AE108" s="23">
        <f>'[1]年齢別人口市区町村(日本人)'!M125</f>
        <v>5098</v>
      </c>
      <c r="AF108" s="23">
        <f>'[1]年齢別人口市区町村(外国人)'!M125</f>
        <v>108</v>
      </c>
      <c r="AG108" s="24">
        <f>'[1]年齢別人口市区町村(総数)'!M125</f>
        <v>5206</v>
      </c>
      <c r="AH108" s="23">
        <f>'[1]年齢別人口市区町村(日本人)'!N125</f>
        <v>6484</v>
      </c>
      <c r="AI108" s="23">
        <f>'[1]年齢別人口市区町村(外国人)'!N125</f>
        <v>93</v>
      </c>
      <c r="AJ108" s="24">
        <f>'[1]年齢別人口市区町村(総数)'!N125</f>
        <v>6577</v>
      </c>
      <c r="AK108" s="23">
        <f>'[1]年齢別人口市区町村(日本人)'!O125</f>
        <v>7990</v>
      </c>
      <c r="AL108" s="23">
        <f>'[1]年齢別人口市区町村(外国人)'!O125</f>
        <v>100</v>
      </c>
      <c r="AM108" s="24">
        <f>'[1]年齢別人口市区町村(総数)'!O125</f>
        <v>8090</v>
      </c>
      <c r="AN108" s="23">
        <f>'[1]年齢別人口市区町村(日本人)'!P125</f>
        <v>7510</v>
      </c>
      <c r="AO108" s="23">
        <f>'[1]年齢別人口市区町村(外国人)'!P125</f>
        <v>67</v>
      </c>
      <c r="AP108" s="24">
        <f>'[1]年齢別人口市区町村(総数)'!P125</f>
        <v>7577</v>
      </c>
      <c r="AQ108" s="23">
        <f>'[1]年齢別人口市区町村(日本人)'!Q125</f>
        <v>6120</v>
      </c>
      <c r="AR108" s="23">
        <f>'[1]年齢別人口市区町村(外国人)'!Q125</f>
        <v>62</v>
      </c>
      <c r="AS108" s="24">
        <f>'[1]年齢別人口市区町村(総数)'!Q125</f>
        <v>6182</v>
      </c>
      <c r="AT108" s="23">
        <f>'[1]年齢別人口市区町村(日本人)'!R125</f>
        <v>4879</v>
      </c>
      <c r="AU108" s="23">
        <f>'[1]年齢別人口市区町村(外国人)'!R125</f>
        <v>33</v>
      </c>
      <c r="AV108" s="24">
        <f>'[1]年齢別人口市区町村(総数)'!R125</f>
        <v>4912</v>
      </c>
      <c r="AW108" s="23">
        <f>'[1]年齢別人口市区町村(日本人)'!S125</f>
        <v>5049</v>
      </c>
      <c r="AX108" s="23">
        <f>'[1]年齢別人口市区町村(外国人)'!S125</f>
        <v>35</v>
      </c>
      <c r="AY108" s="24">
        <f>'[1]年齢別人口市区町村(総数)'!S125</f>
        <v>5084</v>
      </c>
      <c r="AZ108" s="23">
        <f>'[1]年齢別人口市区町村(日本人)'!T125</f>
        <v>6757</v>
      </c>
      <c r="BA108" s="23">
        <f>'[1]年齢別人口市区町村(外国人)'!T125</f>
        <v>28</v>
      </c>
      <c r="BB108" s="24">
        <f>'[1]年齢別人口市区町村(総数)'!T125</f>
        <v>6785</v>
      </c>
      <c r="BC108" s="23">
        <f>'[1]年齢別人口市区町村(日本人)'!U125</f>
        <v>5781</v>
      </c>
      <c r="BD108" s="23">
        <f>'[1]年齢別人口市区町村(外国人)'!U125</f>
        <v>13</v>
      </c>
      <c r="BE108" s="24">
        <f>'[1]年齢別人口市区町村(総数)'!U125</f>
        <v>5794</v>
      </c>
      <c r="BF108" s="23">
        <f>'[1]年齢別人口市区町村(日本人)'!V125</f>
        <v>4298</v>
      </c>
      <c r="BG108" s="23">
        <f>'[1]年齢別人口市区町村(外国人)'!V125</f>
        <v>11</v>
      </c>
      <c r="BH108" s="24">
        <f>'[1]年齢別人口市区町村(総数)'!V125</f>
        <v>4309</v>
      </c>
      <c r="BI108" s="23">
        <f>'[1]年齢別人口市区町村(日本人)'!W125</f>
        <v>2654</v>
      </c>
      <c r="BJ108" s="23">
        <f>'[1]年齢別人口市区町村(外国人)'!W125</f>
        <v>4</v>
      </c>
      <c r="BK108" s="24">
        <f>'[1]年齢別人口市区町村(総数)'!W125</f>
        <v>2658</v>
      </c>
      <c r="BL108" s="23">
        <f>'[1]年齢別人口市区町村(日本人)'!X125</f>
        <v>963</v>
      </c>
      <c r="BM108" s="23">
        <f>'[1]年齢別人口市区町村(外国人)'!X125</f>
        <v>2</v>
      </c>
      <c r="BN108" s="24">
        <f>'[1]年齢別人口市区町村(総数)'!X125</f>
        <v>965</v>
      </c>
      <c r="BO108" s="23">
        <f>'[1]年齢別人口市区町村(日本人)'!Y125</f>
        <v>159</v>
      </c>
      <c r="BP108" s="23">
        <f>'[1]年齢別人口市区町村(外国人)'!Y125</f>
        <v>0</v>
      </c>
      <c r="BQ108" s="61">
        <f>'[1]年齢別人口市区町村(総数)'!Y125</f>
        <v>159</v>
      </c>
    </row>
    <row r="109" spans="1:69" ht="15" thickBot="1" x14ac:dyDescent="0.2">
      <c r="A109" s="29"/>
      <c r="B109" s="25" t="s">
        <v>32</v>
      </c>
      <c r="C109" s="47"/>
      <c r="D109" s="26">
        <f>'[1]年齢別人口市区町村(日本人)'!D123</f>
        <v>171439</v>
      </c>
      <c r="E109" s="27">
        <f>'[1]年齢別人口市区町村(外国人)'!D123</f>
        <v>2163</v>
      </c>
      <c r="F109" s="28">
        <f>'[1]年齢別人口市区町村(総数)'!D123</f>
        <v>173602</v>
      </c>
      <c r="G109" s="27">
        <f>'[1]年齢別人口市区町村(日本人)'!E123</f>
        <v>4375</v>
      </c>
      <c r="H109" s="27">
        <f>'[1]年齢別人口市区町村(外国人)'!E123</f>
        <v>38</v>
      </c>
      <c r="I109" s="28">
        <f>'[1]年齢別人口市区町村(総数)'!E123</f>
        <v>4413</v>
      </c>
      <c r="J109" s="27">
        <f>'[1]年齢別人口市区町村(日本人)'!F123</f>
        <v>6053</v>
      </c>
      <c r="K109" s="27">
        <f>'[1]年齢別人口市区町村(外国人)'!F123</f>
        <v>23</v>
      </c>
      <c r="L109" s="28">
        <f>'[1]年齢別人口市区町村(総数)'!F123</f>
        <v>6076</v>
      </c>
      <c r="M109" s="27">
        <f>'[1]年齢別人口市区町村(日本人)'!G123</f>
        <v>7187</v>
      </c>
      <c r="N109" s="27">
        <f>'[1]年齢別人口市区町村(外国人)'!G123</f>
        <v>35</v>
      </c>
      <c r="O109" s="28">
        <f>'[1]年齢別人口市区町村(総数)'!G123</f>
        <v>7222</v>
      </c>
      <c r="P109" s="27">
        <f>'[1]年齢別人口市区町村(日本人)'!H123</f>
        <v>7766</v>
      </c>
      <c r="Q109" s="27">
        <f>'[1]年齢別人口市区町村(外国人)'!H123</f>
        <v>41</v>
      </c>
      <c r="R109" s="28">
        <f>'[1]年齢別人口市区町村(総数)'!H123</f>
        <v>7807</v>
      </c>
      <c r="S109" s="27">
        <f>'[1]年齢別人口市区町村(日本人)'!I123</f>
        <v>7475</v>
      </c>
      <c r="T109" s="27">
        <f>'[1]年齢別人口市区町村(外国人)'!I123</f>
        <v>140</v>
      </c>
      <c r="U109" s="28">
        <f>'[1]年齢別人口市区町村(総数)'!I123</f>
        <v>7615</v>
      </c>
      <c r="V109" s="27">
        <f>'[1]年齢別人口市区町村(日本人)'!J123</f>
        <v>6704</v>
      </c>
      <c r="W109" s="27">
        <f>'[1]年齢別人口市区町村(外国人)'!J123</f>
        <v>200</v>
      </c>
      <c r="X109" s="28">
        <f>'[1]年齢別人口市区町村(総数)'!J123</f>
        <v>6904</v>
      </c>
      <c r="Y109" s="27">
        <f>'[1]年齢別人口市区町村(日本人)'!K123</f>
        <v>6478</v>
      </c>
      <c r="Z109" s="27">
        <f>'[1]年齢別人口市区町村(外国人)'!K123</f>
        <v>234</v>
      </c>
      <c r="AA109" s="28">
        <f>'[1]年齢別人口市区町村(総数)'!K123</f>
        <v>6712</v>
      </c>
      <c r="AB109" s="27">
        <f>'[1]年齢別人口市区町村(日本人)'!L123</f>
        <v>7600</v>
      </c>
      <c r="AC109" s="27">
        <f>'[1]年齢別人口市区町村(外国人)'!L123</f>
        <v>227</v>
      </c>
      <c r="AD109" s="28">
        <f>'[1]年齢別人口市区町村(総数)'!L123</f>
        <v>7827</v>
      </c>
      <c r="AE109" s="27">
        <f>'[1]年齢別人口市区町村(日本人)'!M123</f>
        <v>9723</v>
      </c>
      <c r="AF109" s="27">
        <f>'[1]年齢別人口市区町村(外国人)'!M123</f>
        <v>237</v>
      </c>
      <c r="AG109" s="28">
        <f>'[1]年齢別人口市区町村(総数)'!M123</f>
        <v>9960</v>
      </c>
      <c r="AH109" s="27">
        <f>'[1]年齢別人口市区町村(日本人)'!N123</f>
        <v>12389</v>
      </c>
      <c r="AI109" s="27">
        <f>'[1]年齢別人口市区町村(外国人)'!N123</f>
        <v>213</v>
      </c>
      <c r="AJ109" s="28">
        <f>'[1]年齢別人口市区町村(総数)'!N123</f>
        <v>12602</v>
      </c>
      <c r="AK109" s="27">
        <f>'[1]年齢別人口市区町村(日本人)'!O123</f>
        <v>15457</v>
      </c>
      <c r="AL109" s="27">
        <f>'[1]年齢別人口市区町村(外国人)'!O123</f>
        <v>212</v>
      </c>
      <c r="AM109" s="28">
        <f>'[1]年齢別人口市区町村(総数)'!O123</f>
        <v>15669</v>
      </c>
      <c r="AN109" s="27">
        <f>'[1]年齢別人口市区町村(日本人)'!P123</f>
        <v>14876</v>
      </c>
      <c r="AO109" s="27">
        <f>'[1]年齢別人口市区町村(外国人)'!P123</f>
        <v>148</v>
      </c>
      <c r="AP109" s="28">
        <f>'[1]年齢別人口市区町村(総数)'!P123</f>
        <v>15024</v>
      </c>
      <c r="AQ109" s="27">
        <f>'[1]年齢別人口市区町村(日本人)'!Q123</f>
        <v>12422</v>
      </c>
      <c r="AR109" s="27">
        <f>'[1]年齢別人口市区町村(外国人)'!Q123</f>
        <v>149</v>
      </c>
      <c r="AS109" s="28">
        <f>'[1]年齢別人口市区町村(総数)'!Q123</f>
        <v>12571</v>
      </c>
      <c r="AT109" s="27">
        <f>'[1]年齢別人口市区町村(日本人)'!R123</f>
        <v>9696</v>
      </c>
      <c r="AU109" s="27">
        <f>'[1]年齢別人口市区町村(外国人)'!R123</f>
        <v>85</v>
      </c>
      <c r="AV109" s="28">
        <f>'[1]年齢別人口市区町村(総数)'!R123</f>
        <v>9781</v>
      </c>
      <c r="AW109" s="27">
        <f>'[1]年齢別人口市区町村(日本人)'!S123</f>
        <v>9336</v>
      </c>
      <c r="AX109" s="27">
        <f>'[1]年齢別人口市区町村(外国人)'!S123</f>
        <v>67</v>
      </c>
      <c r="AY109" s="28">
        <f>'[1]年齢別人口市区町村(総数)'!S123</f>
        <v>9403</v>
      </c>
      <c r="AZ109" s="27">
        <f>'[1]年齢別人口市区町村(日本人)'!T123</f>
        <v>12042</v>
      </c>
      <c r="BA109" s="27">
        <f>'[1]年齢別人口市区町村(外国人)'!T123</f>
        <v>53</v>
      </c>
      <c r="BB109" s="28">
        <f>'[1]年齢別人口市区町村(総数)'!T123</f>
        <v>12095</v>
      </c>
      <c r="BC109" s="27">
        <f>'[1]年齢別人口市区町村(日本人)'!U123</f>
        <v>9584</v>
      </c>
      <c r="BD109" s="27">
        <f>'[1]年齢別人口市区町村(外国人)'!U123</f>
        <v>30</v>
      </c>
      <c r="BE109" s="28">
        <f>'[1]年齢別人口市区町村(総数)'!U123</f>
        <v>9614</v>
      </c>
      <c r="BF109" s="27">
        <f>'[1]年齢別人口市区町村(日本人)'!V123</f>
        <v>6917</v>
      </c>
      <c r="BG109" s="27">
        <f>'[1]年齢別人口市区町村(外国人)'!V123</f>
        <v>22</v>
      </c>
      <c r="BH109" s="28">
        <f>'[1]年齢別人口市区町村(総数)'!V123</f>
        <v>6939</v>
      </c>
      <c r="BI109" s="27">
        <f>'[1]年齢別人口市区町村(日本人)'!W123</f>
        <v>3925</v>
      </c>
      <c r="BJ109" s="27">
        <f>'[1]年齢別人口市区町村(外国人)'!W123</f>
        <v>7</v>
      </c>
      <c r="BK109" s="28">
        <f>'[1]年齢別人口市区町村(総数)'!W123</f>
        <v>3932</v>
      </c>
      <c r="BL109" s="27">
        <f>'[1]年齢別人口市区町村(日本人)'!X123</f>
        <v>1254</v>
      </c>
      <c r="BM109" s="27">
        <f>'[1]年齢別人口市区町村(外国人)'!X123</f>
        <v>2</v>
      </c>
      <c r="BN109" s="28">
        <f>'[1]年齢別人口市区町村(総数)'!X123</f>
        <v>1256</v>
      </c>
      <c r="BO109" s="27">
        <f>'[1]年齢別人口市区町村(日本人)'!Y123</f>
        <v>180</v>
      </c>
      <c r="BP109" s="27">
        <f>'[1]年齢別人口市区町村(外国人)'!Y123</f>
        <v>0</v>
      </c>
      <c r="BQ109" s="62">
        <f>'[1]年齢別人口市区町村(総数)'!Y123</f>
        <v>180</v>
      </c>
    </row>
    <row r="110" spans="1:69" x14ac:dyDescent="0.15">
      <c r="A110" s="20"/>
      <c r="B110" s="17" t="s">
        <v>29</v>
      </c>
      <c r="C110" s="45">
        <v>142051</v>
      </c>
      <c r="D110" s="18">
        <f>'[1]年齢別人口市区町村(日本人)'!D127</f>
        <v>214605</v>
      </c>
      <c r="E110" s="19">
        <f>'[1]年齢別人口市区町村(外国人)'!D127</f>
        <v>5203</v>
      </c>
      <c r="F110" s="19">
        <f>'[1]年齢別人口市区町村(総数)'!D127</f>
        <v>219808</v>
      </c>
      <c r="G110" s="19">
        <f>'[1]年齢別人口市区町村(日本人)'!E127</f>
        <v>7376</v>
      </c>
      <c r="H110" s="19">
        <f>'[1]年齢別人口市区町村(外国人)'!E127</f>
        <v>131</v>
      </c>
      <c r="I110" s="19">
        <f>'[1]年齢別人口市区町村(総数)'!E127</f>
        <v>7507</v>
      </c>
      <c r="J110" s="19">
        <f>'[1]年齢別人口市区町村(日本人)'!F127</f>
        <v>9510</v>
      </c>
      <c r="K110" s="19">
        <f>'[1]年齢別人口市区町村(外国人)'!F127</f>
        <v>138</v>
      </c>
      <c r="L110" s="19">
        <f>'[1]年齢別人口市区町村(総数)'!F127</f>
        <v>9648</v>
      </c>
      <c r="M110" s="19">
        <f>'[1]年齢別人口市区町村(日本人)'!G127</f>
        <v>10263</v>
      </c>
      <c r="N110" s="19">
        <f>'[1]年齢別人口市区町村(外国人)'!G127</f>
        <v>106</v>
      </c>
      <c r="O110" s="19">
        <f>'[1]年齢別人口市区町村(総数)'!G127</f>
        <v>10369</v>
      </c>
      <c r="P110" s="19">
        <f>'[1]年齢別人口市区町村(日本人)'!H127</f>
        <v>10608</v>
      </c>
      <c r="Q110" s="19">
        <f>'[1]年齢別人口市区町村(外国人)'!H127</f>
        <v>161</v>
      </c>
      <c r="R110" s="19">
        <f>'[1]年齢別人口市区町村(総数)'!H127</f>
        <v>10769</v>
      </c>
      <c r="S110" s="19">
        <f>'[1]年齢別人口市区町村(日本人)'!I127</f>
        <v>10954</v>
      </c>
      <c r="T110" s="19">
        <f>'[1]年齢別人口市区町村(外国人)'!I127</f>
        <v>590</v>
      </c>
      <c r="U110" s="19">
        <f>'[1]年齢別人口市区町村(総数)'!I127</f>
        <v>11544</v>
      </c>
      <c r="V110" s="19">
        <f>'[1]年齢別人口市区町村(日本人)'!J127</f>
        <v>11327</v>
      </c>
      <c r="W110" s="19">
        <f>'[1]年齢別人口市区町村(外国人)'!J127</f>
        <v>903</v>
      </c>
      <c r="X110" s="19">
        <f>'[1]年齢別人口市区町村(総数)'!J127</f>
        <v>12230</v>
      </c>
      <c r="Y110" s="19">
        <f>'[1]年齢別人口市区町村(日本人)'!K127</f>
        <v>11605</v>
      </c>
      <c r="Z110" s="19">
        <f>'[1]年齢別人口市区町村(外国人)'!K127</f>
        <v>752</v>
      </c>
      <c r="AA110" s="19">
        <f>'[1]年齢別人口市区町村(総数)'!K127</f>
        <v>12357</v>
      </c>
      <c r="AB110" s="19">
        <f>'[1]年齢別人口市区町村(日本人)'!L127</f>
        <v>12254</v>
      </c>
      <c r="AC110" s="19">
        <f>'[1]年齢別人口市区町村(外国人)'!L127</f>
        <v>571</v>
      </c>
      <c r="AD110" s="19">
        <f>'[1]年齢別人口市区町村(総数)'!L127</f>
        <v>12825</v>
      </c>
      <c r="AE110" s="19">
        <f>'[1]年齢別人口市区町村(日本人)'!M127</f>
        <v>14504</v>
      </c>
      <c r="AF110" s="19">
        <f>'[1]年齢別人口市区町村(外国人)'!M127</f>
        <v>449</v>
      </c>
      <c r="AG110" s="19">
        <f>'[1]年齢別人口市区町村(総数)'!M127</f>
        <v>14953</v>
      </c>
      <c r="AH110" s="19">
        <f>'[1]年齢別人口市区町村(日本人)'!N127</f>
        <v>16550</v>
      </c>
      <c r="AI110" s="19">
        <f>'[1]年齢別人口市区町村(外国人)'!N127</f>
        <v>350</v>
      </c>
      <c r="AJ110" s="19">
        <f>'[1]年齢別人口市区町村(総数)'!N127</f>
        <v>16900</v>
      </c>
      <c r="AK110" s="19">
        <f>'[1]年齢別人口市区町村(日本人)'!O127</f>
        <v>19137</v>
      </c>
      <c r="AL110" s="19">
        <f>'[1]年齢別人口市区町村(外国人)'!O127</f>
        <v>293</v>
      </c>
      <c r="AM110" s="19">
        <f>'[1]年齢別人口市区町村(総数)'!O127</f>
        <v>19430</v>
      </c>
      <c r="AN110" s="19">
        <f>'[1]年齢別人口市区町村(日本人)'!P127</f>
        <v>17738</v>
      </c>
      <c r="AO110" s="19">
        <f>'[1]年齢別人口市区町村(外国人)'!P127</f>
        <v>228</v>
      </c>
      <c r="AP110" s="19">
        <f>'[1]年齢別人口市区町村(総数)'!P127</f>
        <v>17966</v>
      </c>
      <c r="AQ110" s="19">
        <f>'[1]年齢別人口市区町村(日本人)'!Q127</f>
        <v>14637</v>
      </c>
      <c r="AR110" s="19">
        <f>'[1]年齢別人口市区町村(外国人)'!Q127</f>
        <v>231</v>
      </c>
      <c r="AS110" s="19">
        <f>'[1]年齢別人口市区町村(総数)'!Q127</f>
        <v>14868</v>
      </c>
      <c r="AT110" s="19">
        <f>'[1]年齢別人口市区町村(日本人)'!R127</f>
        <v>10781</v>
      </c>
      <c r="AU110" s="19">
        <f>'[1]年齢別人口市区町村(外国人)'!R127</f>
        <v>144</v>
      </c>
      <c r="AV110" s="19">
        <f>'[1]年齢別人口市区町村(総数)'!R127</f>
        <v>10925</v>
      </c>
      <c r="AW110" s="19">
        <f>'[1]年齢別人口市区町村(日本人)'!S127</f>
        <v>10046</v>
      </c>
      <c r="AX110" s="19">
        <f>'[1]年齢別人口市区町村(外国人)'!S127</f>
        <v>76</v>
      </c>
      <c r="AY110" s="19">
        <f>'[1]年齢別人口市区町村(総数)'!S127</f>
        <v>10122</v>
      </c>
      <c r="AZ110" s="19">
        <f>'[1]年齢別人口市区町村(日本人)'!T127</f>
        <v>11668</v>
      </c>
      <c r="BA110" s="19">
        <f>'[1]年齢別人口市区町村(外国人)'!T127</f>
        <v>44</v>
      </c>
      <c r="BB110" s="19">
        <f>'[1]年齢別人口市区町村(総数)'!T127</f>
        <v>11712</v>
      </c>
      <c r="BC110" s="19">
        <f>'[1]年齢別人口市区町村(日本人)'!U127</f>
        <v>8192</v>
      </c>
      <c r="BD110" s="19">
        <f>'[1]年齢別人口市区町村(外国人)'!U127</f>
        <v>20</v>
      </c>
      <c r="BE110" s="19">
        <f>'[1]年齢別人口市区町村(総数)'!U127</f>
        <v>8212</v>
      </c>
      <c r="BF110" s="19">
        <f>'[1]年齢別人口市区町村(日本人)'!V127</f>
        <v>4991</v>
      </c>
      <c r="BG110" s="19">
        <f>'[1]年齢別人口市区町村(外国人)'!V127</f>
        <v>12</v>
      </c>
      <c r="BH110" s="19">
        <f>'[1]年齢別人口市区町村(総数)'!V127</f>
        <v>5003</v>
      </c>
      <c r="BI110" s="19">
        <f>'[1]年齢別人口市区町村(日本人)'!W127</f>
        <v>2038</v>
      </c>
      <c r="BJ110" s="19">
        <f>'[1]年齢別人口市区町村(外国人)'!W127</f>
        <v>3</v>
      </c>
      <c r="BK110" s="19">
        <f>'[1]年齢別人口市区町村(総数)'!W127</f>
        <v>2041</v>
      </c>
      <c r="BL110" s="19">
        <f>'[1]年齢別人口市区町村(日本人)'!X127</f>
        <v>387</v>
      </c>
      <c r="BM110" s="19">
        <f>'[1]年齢別人口市区町村(外国人)'!X127</f>
        <v>1</v>
      </c>
      <c r="BN110" s="19">
        <f>'[1]年齢別人口市区町村(総数)'!X127</f>
        <v>388</v>
      </c>
      <c r="BO110" s="19">
        <f>'[1]年齢別人口市区町村(日本人)'!Y127</f>
        <v>39</v>
      </c>
      <c r="BP110" s="19">
        <f>'[1]年齢別人口市区町村(外国人)'!Y127</f>
        <v>0</v>
      </c>
      <c r="BQ110" s="60">
        <f>'[1]年齢別人口市区町村(総数)'!Y127</f>
        <v>39</v>
      </c>
    </row>
    <row r="111" spans="1:69" x14ac:dyDescent="0.15">
      <c r="A111" s="20" t="s">
        <v>65</v>
      </c>
      <c r="B111" s="21" t="s">
        <v>31</v>
      </c>
      <c r="C111" s="46"/>
      <c r="D111" s="22">
        <f>'[1]年齢別人口市区町村(日本人)'!D128</f>
        <v>220761</v>
      </c>
      <c r="E111" s="23">
        <f>'[1]年齢別人口市区町村(外国人)'!D128</f>
        <v>4058</v>
      </c>
      <c r="F111" s="24">
        <f>'[1]年齢別人口市区町村(総数)'!D128</f>
        <v>224819</v>
      </c>
      <c r="G111" s="23">
        <f>'[1]年齢別人口市区町村(日本人)'!E128</f>
        <v>7126</v>
      </c>
      <c r="H111" s="23">
        <f>'[1]年齢別人口市区町村(外国人)'!E128</f>
        <v>125</v>
      </c>
      <c r="I111" s="24">
        <f>'[1]年齢別人口市区町村(総数)'!E128</f>
        <v>7251</v>
      </c>
      <c r="J111" s="23">
        <f>'[1]年齢別人口市区町村(日本人)'!F128</f>
        <v>8981</v>
      </c>
      <c r="K111" s="23">
        <f>'[1]年齢別人口市区町村(外国人)'!F128</f>
        <v>144</v>
      </c>
      <c r="L111" s="24">
        <f>'[1]年齢別人口市区町村(総数)'!F128</f>
        <v>9125</v>
      </c>
      <c r="M111" s="23">
        <f>'[1]年齢別人口市区町村(日本人)'!G128</f>
        <v>9749</v>
      </c>
      <c r="N111" s="23">
        <f>'[1]年齢別人口市区町村(外国人)'!G128</f>
        <v>129</v>
      </c>
      <c r="O111" s="24">
        <f>'[1]年齢別人口市区町村(総数)'!G128</f>
        <v>9878</v>
      </c>
      <c r="P111" s="23">
        <f>'[1]年齢別人口市区町村(日本人)'!H128</f>
        <v>10022</v>
      </c>
      <c r="Q111" s="23">
        <f>'[1]年齢別人口市区町村(外国人)'!H128</f>
        <v>143</v>
      </c>
      <c r="R111" s="24">
        <f>'[1]年齢別人口市区町村(総数)'!H128</f>
        <v>10165</v>
      </c>
      <c r="S111" s="23">
        <f>'[1]年齢別人口市区町村(日本人)'!I128</f>
        <v>10316</v>
      </c>
      <c r="T111" s="23">
        <f>'[1]年齢別人口市区町村(外国人)'!I128</f>
        <v>386</v>
      </c>
      <c r="U111" s="24">
        <f>'[1]年齢別人口市区町村(総数)'!I128</f>
        <v>10702</v>
      </c>
      <c r="V111" s="23">
        <f>'[1]年齢別人口市区町村(日本人)'!J128</f>
        <v>10178</v>
      </c>
      <c r="W111" s="23">
        <f>'[1]年齢別人口市区町村(外国人)'!J128</f>
        <v>506</v>
      </c>
      <c r="X111" s="24">
        <f>'[1]年齢別人口市区町村(総数)'!J128</f>
        <v>10684</v>
      </c>
      <c r="Y111" s="23">
        <f>'[1]年齢別人口市区町村(日本人)'!K128</f>
        <v>10777</v>
      </c>
      <c r="Z111" s="23">
        <f>'[1]年齢別人口市区町村(外国人)'!K128</f>
        <v>458</v>
      </c>
      <c r="AA111" s="24">
        <f>'[1]年齢別人口市区町村(総数)'!K128</f>
        <v>11235</v>
      </c>
      <c r="AB111" s="23">
        <f>'[1]年齢別人口市区町村(日本人)'!L128</f>
        <v>11792</v>
      </c>
      <c r="AC111" s="23">
        <f>'[1]年齢別人口市区町村(外国人)'!L128</f>
        <v>415</v>
      </c>
      <c r="AD111" s="24">
        <f>'[1]年齢別人口市区町村(総数)'!L128</f>
        <v>12207</v>
      </c>
      <c r="AE111" s="23">
        <f>'[1]年齢別人口市区町村(日本人)'!M128</f>
        <v>14296</v>
      </c>
      <c r="AF111" s="23">
        <f>'[1]年齢別人口市区町村(外国人)'!M128</f>
        <v>387</v>
      </c>
      <c r="AG111" s="24">
        <f>'[1]年齢別人口市区町村(総数)'!M128</f>
        <v>14683</v>
      </c>
      <c r="AH111" s="23">
        <f>'[1]年齢別人口市区町村(日本人)'!N128</f>
        <v>16150</v>
      </c>
      <c r="AI111" s="23">
        <f>'[1]年齢別人口市区町村(外国人)'!N128</f>
        <v>286</v>
      </c>
      <c r="AJ111" s="24">
        <f>'[1]年齢別人口市区町村(総数)'!N128</f>
        <v>16436</v>
      </c>
      <c r="AK111" s="23">
        <f>'[1]年齢別人口市区町村(日本人)'!O128</f>
        <v>19031</v>
      </c>
      <c r="AL111" s="23">
        <f>'[1]年齢別人口市区町村(外国人)'!O128</f>
        <v>234</v>
      </c>
      <c r="AM111" s="24">
        <f>'[1]年齢別人口市区町村(総数)'!O128</f>
        <v>19265</v>
      </c>
      <c r="AN111" s="23">
        <f>'[1]年齢別人口市区町村(日本人)'!P128</f>
        <v>16631</v>
      </c>
      <c r="AO111" s="23">
        <f>'[1]年齢別人口市区町村(外国人)'!P128</f>
        <v>260</v>
      </c>
      <c r="AP111" s="24">
        <f>'[1]年齢別人口市区町村(総数)'!P128</f>
        <v>16891</v>
      </c>
      <c r="AQ111" s="23">
        <f>'[1]年齢別人口市区町村(日本人)'!Q128</f>
        <v>13656</v>
      </c>
      <c r="AR111" s="23">
        <f>'[1]年齢別人口市区町村(外国人)'!Q128</f>
        <v>243</v>
      </c>
      <c r="AS111" s="24">
        <f>'[1]年齢別人口市区町村(総数)'!Q128</f>
        <v>13899</v>
      </c>
      <c r="AT111" s="23">
        <f>'[1]年齢別人口市区町村(日本人)'!R128</f>
        <v>10744</v>
      </c>
      <c r="AU111" s="23">
        <f>'[1]年齢別人口市区町村(外国人)'!R128</f>
        <v>132</v>
      </c>
      <c r="AV111" s="24">
        <f>'[1]年齢別人口市区町村(総数)'!R128</f>
        <v>10876</v>
      </c>
      <c r="AW111" s="23">
        <f>'[1]年齢別人口市区町村(日本人)'!S128</f>
        <v>11424</v>
      </c>
      <c r="AX111" s="23">
        <f>'[1]年齢別人口市区町村(外国人)'!S128</f>
        <v>84</v>
      </c>
      <c r="AY111" s="24">
        <f>'[1]年齢別人口市区町村(総数)'!S128</f>
        <v>11508</v>
      </c>
      <c r="AZ111" s="23">
        <f>'[1]年齢別人口市区町村(日本人)'!T128</f>
        <v>14521</v>
      </c>
      <c r="BA111" s="23">
        <f>'[1]年齢別人口市区町村(外国人)'!T128</f>
        <v>62</v>
      </c>
      <c r="BB111" s="24">
        <f>'[1]年齢別人口市区町村(総数)'!T128</f>
        <v>14583</v>
      </c>
      <c r="BC111" s="23">
        <f>'[1]年齢別人口市区町村(日本人)'!U128</f>
        <v>11350</v>
      </c>
      <c r="BD111" s="23">
        <f>'[1]年齢別人口市区町村(外国人)'!U128</f>
        <v>35</v>
      </c>
      <c r="BE111" s="24">
        <f>'[1]年齢別人口市区町村(総数)'!U128</f>
        <v>11385</v>
      </c>
      <c r="BF111" s="23">
        <f>'[1]年齢別人口市区町村(日本人)'!V128</f>
        <v>7937</v>
      </c>
      <c r="BG111" s="23">
        <f>'[1]年齢別人口市区町村(外国人)'!V128</f>
        <v>20</v>
      </c>
      <c r="BH111" s="24">
        <f>'[1]年齢別人口市区町村(総数)'!V128</f>
        <v>7957</v>
      </c>
      <c r="BI111" s="23">
        <f>'[1]年齢別人口市区町村(日本人)'!W128</f>
        <v>4390</v>
      </c>
      <c r="BJ111" s="23">
        <f>'[1]年齢別人口市区町村(外国人)'!W128</f>
        <v>7</v>
      </c>
      <c r="BK111" s="24">
        <f>'[1]年齢別人口市区町村(総数)'!W128</f>
        <v>4397</v>
      </c>
      <c r="BL111" s="23">
        <f>'[1]年齢別人口市区町村(日本人)'!X128</f>
        <v>1454</v>
      </c>
      <c r="BM111" s="23">
        <f>'[1]年齢別人口市区町村(外国人)'!X128</f>
        <v>2</v>
      </c>
      <c r="BN111" s="24">
        <f>'[1]年齢別人口市区町村(総数)'!X128</f>
        <v>1456</v>
      </c>
      <c r="BO111" s="23">
        <f>'[1]年齢別人口市区町村(日本人)'!Y128</f>
        <v>236</v>
      </c>
      <c r="BP111" s="23">
        <f>'[1]年齢別人口市区町村(外国人)'!Y128</f>
        <v>0</v>
      </c>
      <c r="BQ111" s="61">
        <f>'[1]年齢別人口市区町村(総数)'!Y128</f>
        <v>236</v>
      </c>
    </row>
    <row r="112" spans="1:69" ht="15" thickBot="1" x14ac:dyDescent="0.2">
      <c r="A112" s="29"/>
      <c r="B112" s="33" t="s">
        <v>32</v>
      </c>
      <c r="C112" s="53"/>
      <c r="D112" s="26">
        <f>'[1]年齢別人口市区町村(日本人)'!D126</f>
        <v>435366</v>
      </c>
      <c r="E112" s="27">
        <f>'[1]年齢別人口市区町村(外国人)'!D126</f>
        <v>9262</v>
      </c>
      <c r="F112" s="28">
        <f>'[1]年齢別人口市区町村(総数)'!D126</f>
        <v>444628</v>
      </c>
      <c r="G112" s="27">
        <f>'[1]年齢別人口市区町村(日本人)'!E126</f>
        <v>14502</v>
      </c>
      <c r="H112" s="27">
        <f>'[1]年齢別人口市区町村(外国人)'!E126</f>
        <v>256</v>
      </c>
      <c r="I112" s="28">
        <f>'[1]年齢別人口市区町村(総数)'!E126</f>
        <v>14758</v>
      </c>
      <c r="J112" s="27">
        <f>'[1]年齢別人口市区町村(日本人)'!F126</f>
        <v>18491</v>
      </c>
      <c r="K112" s="27">
        <f>'[1]年齢別人口市区町村(外国人)'!F126</f>
        <v>282</v>
      </c>
      <c r="L112" s="28">
        <f>'[1]年齢別人口市区町村(総数)'!F126</f>
        <v>18773</v>
      </c>
      <c r="M112" s="27">
        <f>'[1]年齢別人口市区町村(日本人)'!G126</f>
        <v>20012</v>
      </c>
      <c r="N112" s="27">
        <f>'[1]年齢別人口市区町村(外国人)'!G126</f>
        <v>235</v>
      </c>
      <c r="O112" s="28">
        <f>'[1]年齢別人口市区町村(総数)'!G126</f>
        <v>20247</v>
      </c>
      <c r="P112" s="27">
        <f>'[1]年齢別人口市区町村(日本人)'!H126</f>
        <v>20630</v>
      </c>
      <c r="Q112" s="27">
        <f>'[1]年齢別人口市区町村(外国人)'!H126</f>
        <v>304</v>
      </c>
      <c r="R112" s="28">
        <f>'[1]年齢別人口市区町村(総数)'!H126</f>
        <v>20934</v>
      </c>
      <c r="S112" s="27">
        <f>'[1]年齢別人口市区町村(日本人)'!I126</f>
        <v>21270</v>
      </c>
      <c r="T112" s="27">
        <f>'[1]年齢別人口市区町村(外国人)'!I126</f>
        <v>976</v>
      </c>
      <c r="U112" s="28">
        <f>'[1]年齢別人口市区町村(総数)'!I126</f>
        <v>22246</v>
      </c>
      <c r="V112" s="27">
        <f>'[1]年齢別人口市区町村(日本人)'!J126</f>
        <v>21505</v>
      </c>
      <c r="W112" s="27">
        <f>'[1]年齢別人口市区町村(外国人)'!J126</f>
        <v>1409</v>
      </c>
      <c r="X112" s="28">
        <f>'[1]年齢別人口市区町村(総数)'!J126</f>
        <v>22914</v>
      </c>
      <c r="Y112" s="27">
        <f>'[1]年齢別人口市区町村(日本人)'!K126</f>
        <v>22382</v>
      </c>
      <c r="Z112" s="27">
        <f>'[1]年齢別人口市区町村(外国人)'!K126</f>
        <v>1210</v>
      </c>
      <c r="AA112" s="28">
        <f>'[1]年齢別人口市区町村(総数)'!K126</f>
        <v>23592</v>
      </c>
      <c r="AB112" s="27">
        <f>'[1]年齢別人口市区町村(日本人)'!L126</f>
        <v>24046</v>
      </c>
      <c r="AC112" s="27">
        <f>'[1]年齢別人口市区町村(外国人)'!L126</f>
        <v>986</v>
      </c>
      <c r="AD112" s="28">
        <f>'[1]年齢別人口市区町村(総数)'!L126</f>
        <v>25032</v>
      </c>
      <c r="AE112" s="27">
        <f>'[1]年齢別人口市区町村(日本人)'!M126</f>
        <v>28800</v>
      </c>
      <c r="AF112" s="27">
        <f>'[1]年齢別人口市区町村(外国人)'!M126</f>
        <v>836</v>
      </c>
      <c r="AG112" s="28">
        <f>'[1]年齢別人口市区町村(総数)'!M126</f>
        <v>29636</v>
      </c>
      <c r="AH112" s="27">
        <f>'[1]年齢別人口市区町村(日本人)'!N126</f>
        <v>32700</v>
      </c>
      <c r="AI112" s="27">
        <f>'[1]年齢別人口市区町村(外国人)'!N126</f>
        <v>637</v>
      </c>
      <c r="AJ112" s="28">
        <f>'[1]年齢別人口市区町村(総数)'!N126</f>
        <v>33337</v>
      </c>
      <c r="AK112" s="27">
        <f>'[1]年齢別人口市区町村(日本人)'!O126</f>
        <v>38168</v>
      </c>
      <c r="AL112" s="27">
        <f>'[1]年齢別人口市区町村(外国人)'!O126</f>
        <v>527</v>
      </c>
      <c r="AM112" s="28">
        <f>'[1]年齢別人口市区町村(総数)'!O126</f>
        <v>38695</v>
      </c>
      <c r="AN112" s="27">
        <f>'[1]年齢別人口市区町村(日本人)'!P126</f>
        <v>34369</v>
      </c>
      <c r="AO112" s="27">
        <f>'[1]年齢別人口市区町村(外国人)'!P126</f>
        <v>488</v>
      </c>
      <c r="AP112" s="28">
        <f>'[1]年齢別人口市区町村(総数)'!P126</f>
        <v>34857</v>
      </c>
      <c r="AQ112" s="27">
        <f>'[1]年齢別人口市区町村(日本人)'!Q126</f>
        <v>28293</v>
      </c>
      <c r="AR112" s="27">
        <f>'[1]年齢別人口市区町村(外国人)'!Q126</f>
        <v>474</v>
      </c>
      <c r="AS112" s="28">
        <f>'[1]年齢別人口市区町村(総数)'!Q126</f>
        <v>28767</v>
      </c>
      <c r="AT112" s="27">
        <f>'[1]年齢別人口市区町村(日本人)'!R126</f>
        <v>21525</v>
      </c>
      <c r="AU112" s="27">
        <f>'[1]年齢別人口市区町村(外国人)'!R126</f>
        <v>276</v>
      </c>
      <c r="AV112" s="28">
        <f>'[1]年齢別人口市区町村(総数)'!R126</f>
        <v>21801</v>
      </c>
      <c r="AW112" s="27">
        <f>'[1]年齢別人口市区町村(日本人)'!S126</f>
        <v>21470</v>
      </c>
      <c r="AX112" s="27">
        <f>'[1]年齢別人口市区町村(外国人)'!S126</f>
        <v>160</v>
      </c>
      <c r="AY112" s="28">
        <f>'[1]年齢別人口市区町村(総数)'!S126</f>
        <v>21630</v>
      </c>
      <c r="AZ112" s="27">
        <f>'[1]年齢別人口市区町村(日本人)'!T126</f>
        <v>26189</v>
      </c>
      <c r="BA112" s="27">
        <f>'[1]年齢別人口市区町村(外国人)'!T126</f>
        <v>106</v>
      </c>
      <c r="BB112" s="28">
        <f>'[1]年齢別人口市区町村(総数)'!T126</f>
        <v>26295</v>
      </c>
      <c r="BC112" s="27">
        <f>'[1]年齢別人口市区町村(日本人)'!U126</f>
        <v>19542</v>
      </c>
      <c r="BD112" s="27">
        <f>'[1]年齢別人口市区町村(外国人)'!U126</f>
        <v>55</v>
      </c>
      <c r="BE112" s="28">
        <f>'[1]年齢別人口市区町村(総数)'!U126</f>
        <v>19597</v>
      </c>
      <c r="BF112" s="27">
        <f>'[1]年齢別人口市区町村(日本人)'!V126</f>
        <v>12928</v>
      </c>
      <c r="BG112" s="27">
        <f>'[1]年齢別人口市区町村(外国人)'!V126</f>
        <v>32</v>
      </c>
      <c r="BH112" s="28">
        <f>'[1]年齢別人口市区町村(総数)'!V126</f>
        <v>12960</v>
      </c>
      <c r="BI112" s="27">
        <f>'[1]年齢別人口市区町村(日本人)'!W126</f>
        <v>6428</v>
      </c>
      <c r="BJ112" s="27">
        <f>'[1]年齢別人口市区町村(外国人)'!W126</f>
        <v>10</v>
      </c>
      <c r="BK112" s="28">
        <f>'[1]年齢別人口市区町村(総数)'!W126</f>
        <v>6438</v>
      </c>
      <c r="BL112" s="27">
        <f>'[1]年齢別人口市区町村(日本人)'!X126</f>
        <v>1841</v>
      </c>
      <c r="BM112" s="27">
        <f>'[1]年齢別人口市区町村(外国人)'!X126</f>
        <v>3</v>
      </c>
      <c r="BN112" s="28">
        <f>'[1]年齢別人口市区町村(総数)'!X126</f>
        <v>1844</v>
      </c>
      <c r="BO112" s="27">
        <f>'[1]年齢別人口市区町村(日本人)'!Y126</f>
        <v>275</v>
      </c>
      <c r="BP112" s="27">
        <f>'[1]年齢別人口市区町村(外国人)'!Y126</f>
        <v>0</v>
      </c>
      <c r="BQ112" s="62">
        <f>'[1]年齢別人口市区町村(総数)'!Y126</f>
        <v>275</v>
      </c>
    </row>
    <row r="113" spans="1:69" x14ac:dyDescent="0.15">
      <c r="A113" s="20"/>
      <c r="B113" s="34" t="s">
        <v>29</v>
      </c>
      <c r="C113" s="57">
        <v>142069</v>
      </c>
      <c r="D113" s="18">
        <f>'[1]年齢別人口市区町村(日本人)'!D130</f>
        <v>88474</v>
      </c>
      <c r="E113" s="19">
        <f>'[1]年齢別人口市区町村(外国人)'!D130</f>
        <v>1842</v>
      </c>
      <c r="F113" s="19">
        <f>'[1]年齢別人口市区町村(総数)'!D130</f>
        <v>90316</v>
      </c>
      <c r="G113" s="19">
        <f>'[1]年齢別人口市区町村(日本人)'!E130</f>
        <v>2450</v>
      </c>
      <c r="H113" s="19">
        <f>'[1]年齢別人口市区町村(外国人)'!E130</f>
        <v>52</v>
      </c>
      <c r="I113" s="19">
        <f>'[1]年齢別人口市区町村(総数)'!E130</f>
        <v>2502</v>
      </c>
      <c r="J113" s="19">
        <f>'[1]年齢別人口市区町村(日本人)'!F130</f>
        <v>3167</v>
      </c>
      <c r="K113" s="19">
        <f>'[1]年齢別人口市区町村(外国人)'!F130</f>
        <v>39</v>
      </c>
      <c r="L113" s="19">
        <f>'[1]年齢別人口市区町村(総数)'!F130</f>
        <v>3206</v>
      </c>
      <c r="M113" s="19">
        <f>'[1]年齢別人口市区町村(日本人)'!G130</f>
        <v>3739</v>
      </c>
      <c r="N113" s="19">
        <f>'[1]年齢別人口市区町村(外国人)'!G130</f>
        <v>30</v>
      </c>
      <c r="O113" s="19">
        <f>'[1]年齢別人口市区町村(総数)'!G130</f>
        <v>3769</v>
      </c>
      <c r="P113" s="19">
        <f>'[1]年齢別人口市区町村(日本人)'!H130</f>
        <v>4010</v>
      </c>
      <c r="Q113" s="19">
        <f>'[1]年齢別人口市区町村(外国人)'!H130</f>
        <v>53</v>
      </c>
      <c r="R113" s="19">
        <f>'[1]年齢別人口市区町村(総数)'!H130</f>
        <v>4063</v>
      </c>
      <c r="S113" s="19">
        <f>'[1]年齢別人口市区町村(日本人)'!I130</f>
        <v>4121</v>
      </c>
      <c r="T113" s="19">
        <f>'[1]年齢別人口市区町村(外国人)'!I130</f>
        <v>268</v>
      </c>
      <c r="U113" s="19">
        <f>'[1]年齢別人口市区町村(総数)'!I130</f>
        <v>4389</v>
      </c>
      <c r="V113" s="19">
        <f>'[1]年齢別人口市区町村(日本人)'!J130</f>
        <v>4031</v>
      </c>
      <c r="W113" s="19">
        <f>'[1]年齢別人口市区町村(外国人)'!J130</f>
        <v>429</v>
      </c>
      <c r="X113" s="19">
        <f>'[1]年齢別人口市区町村(総数)'!J130</f>
        <v>4460</v>
      </c>
      <c r="Y113" s="19">
        <f>'[1]年齢別人口市区町村(日本人)'!K130</f>
        <v>4187</v>
      </c>
      <c r="Z113" s="19">
        <f>'[1]年齢別人口市区町村(外国人)'!K130</f>
        <v>340</v>
      </c>
      <c r="AA113" s="19">
        <f>'[1]年齢別人口市区町村(総数)'!K130</f>
        <v>4527</v>
      </c>
      <c r="AB113" s="19">
        <f>'[1]年齢別人口市区町村(日本人)'!L130</f>
        <v>4627</v>
      </c>
      <c r="AC113" s="19">
        <f>'[1]年齢別人口市区町村(外国人)'!L130</f>
        <v>184</v>
      </c>
      <c r="AD113" s="19">
        <f>'[1]年齢別人口市区町村(総数)'!L130</f>
        <v>4811</v>
      </c>
      <c r="AE113" s="19">
        <f>'[1]年齢別人口市区町村(日本人)'!M130</f>
        <v>5356</v>
      </c>
      <c r="AF113" s="19">
        <f>'[1]年齢別人口市区町村(外国人)'!M130</f>
        <v>120</v>
      </c>
      <c r="AG113" s="19">
        <f>'[1]年齢別人口市区町村(総数)'!M130</f>
        <v>5476</v>
      </c>
      <c r="AH113" s="19">
        <f>'[1]年齢別人口市区町村(日本人)'!N130</f>
        <v>6120</v>
      </c>
      <c r="AI113" s="19">
        <f>'[1]年齢別人口市区町村(外国人)'!N130</f>
        <v>78</v>
      </c>
      <c r="AJ113" s="19">
        <f>'[1]年齢別人口市区町村(総数)'!N130</f>
        <v>6198</v>
      </c>
      <c r="AK113" s="19">
        <f>'[1]年齢別人口市区町村(日本人)'!O130</f>
        <v>7605</v>
      </c>
      <c r="AL113" s="19">
        <f>'[1]年齢別人口市区町村(外国人)'!O130</f>
        <v>69</v>
      </c>
      <c r="AM113" s="19">
        <f>'[1]年齢別人口市区町村(総数)'!O130</f>
        <v>7674</v>
      </c>
      <c r="AN113" s="19">
        <f>'[1]年齢別人口市区町村(日本人)'!P130</f>
        <v>7308</v>
      </c>
      <c r="AO113" s="19">
        <f>'[1]年齢別人口市区町村(外国人)'!P130</f>
        <v>65</v>
      </c>
      <c r="AP113" s="19">
        <f>'[1]年齢別人口市区町村(総数)'!P130</f>
        <v>7373</v>
      </c>
      <c r="AQ113" s="19">
        <f>'[1]年齢別人口市区町村(日本人)'!Q130</f>
        <v>6478</v>
      </c>
      <c r="AR113" s="19">
        <f>'[1]年齢別人口市区町村(外国人)'!Q130</f>
        <v>37</v>
      </c>
      <c r="AS113" s="19">
        <f>'[1]年齢別人口市区町村(総数)'!Q130</f>
        <v>6515</v>
      </c>
      <c r="AT113" s="19">
        <f>'[1]年齢別人口市区町村(日本人)'!R130</f>
        <v>5646</v>
      </c>
      <c r="AU113" s="19">
        <f>'[1]年齢別人口市区町村(外国人)'!R130</f>
        <v>35</v>
      </c>
      <c r="AV113" s="19">
        <f>'[1]年齢別人口市区町村(総数)'!R130</f>
        <v>5681</v>
      </c>
      <c r="AW113" s="19">
        <f>'[1]年齢別人口市区町村(日本人)'!S130</f>
        <v>5707</v>
      </c>
      <c r="AX113" s="19">
        <f>'[1]年齢別人口市区町村(外国人)'!S130</f>
        <v>11</v>
      </c>
      <c r="AY113" s="19">
        <f>'[1]年齢別人口市区町村(総数)'!S130</f>
        <v>5718</v>
      </c>
      <c r="AZ113" s="19">
        <f>'[1]年齢別人口市区町村(日本人)'!T130</f>
        <v>6349</v>
      </c>
      <c r="BA113" s="19">
        <f>'[1]年齢別人口市区町村(外国人)'!T130</f>
        <v>14</v>
      </c>
      <c r="BB113" s="19">
        <f>'[1]年齢別人口市区町村(総数)'!T130</f>
        <v>6363</v>
      </c>
      <c r="BC113" s="19">
        <f>'[1]年齢別人口市区町村(日本人)'!U130</f>
        <v>3980</v>
      </c>
      <c r="BD113" s="19">
        <f>'[1]年齢別人口市区町村(外国人)'!U130</f>
        <v>11</v>
      </c>
      <c r="BE113" s="19">
        <f>'[1]年齢別人口市区町村(総数)'!U130</f>
        <v>3991</v>
      </c>
      <c r="BF113" s="19">
        <f>'[1]年齢別人口市区町村(日本人)'!V130</f>
        <v>2329</v>
      </c>
      <c r="BG113" s="19">
        <f>'[1]年齢別人口市区町村(外国人)'!V130</f>
        <v>4</v>
      </c>
      <c r="BH113" s="19">
        <f>'[1]年齢別人口市区町村(総数)'!V130</f>
        <v>2333</v>
      </c>
      <c r="BI113" s="19">
        <f>'[1]年齢別人口市区町村(日本人)'!W130</f>
        <v>1046</v>
      </c>
      <c r="BJ113" s="19">
        <f>'[1]年齢別人口市区町村(外国人)'!W130</f>
        <v>3</v>
      </c>
      <c r="BK113" s="19">
        <f>'[1]年齢別人口市区町村(総数)'!W130</f>
        <v>1049</v>
      </c>
      <c r="BL113" s="19">
        <f>'[1]年齢別人口市区町村(日本人)'!X130</f>
        <v>196</v>
      </c>
      <c r="BM113" s="19">
        <f>'[1]年齢別人口市区町村(外国人)'!X130</f>
        <v>0</v>
      </c>
      <c r="BN113" s="19">
        <f>'[1]年齢別人口市区町村(総数)'!X130</f>
        <v>196</v>
      </c>
      <c r="BO113" s="19">
        <f>'[1]年齢別人口市区町村(日本人)'!Y130</f>
        <v>22</v>
      </c>
      <c r="BP113" s="19">
        <f>'[1]年齢別人口市区町村(外国人)'!Y130</f>
        <v>0</v>
      </c>
      <c r="BQ113" s="60">
        <f>'[1]年齢別人口市区町村(総数)'!Y130</f>
        <v>22</v>
      </c>
    </row>
    <row r="114" spans="1:69" x14ac:dyDescent="0.15">
      <c r="A114" s="20" t="s">
        <v>66</v>
      </c>
      <c r="B114" s="21" t="s">
        <v>31</v>
      </c>
      <c r="C114" s="46"/>
      <c r="D114" s="22">
        <f>'[1]年齢別人口市区町村(日本人)'!D131</f>
        <v>92915</v>
      </c>
      <c r="E114" s="23">
        <f>'[1]年齢別人口市区町村(外国人)'!D131</f>
        <v>2193</v>
      </c>
      <c r="F114" s="24">
        <f>'[1]年齢別人口市区町村(総数)'!D131</f>
        <v>95108</v>
      </c>
      <c r="G114" s="23">
        <f>'[1]年齢別人口市区町村(日本人)'!E131</f>
        <v>2297</v>
      </c>
      <c r="H114" s="23">
        <f>'[1]年齢別人口市区町村(外国人)'!E131</f>
        <v>74</v>
      </c>
      <c r="I114" s="24">
        <f>'[1]年齢別人口市区町村(総数)'!E131</f>
        <v>2371</v>
      </c>
      <c r="J114" s="23">
        <f>'[1]年齢別人口市区町村(日本人)'!F131</f>
        <v>3020</v>
      </c>
      <c r="K114" s="23">
        <f>'[1]年齢別人口市区町村(外国人)'!F131</f>
        <v>27</v>
      </c>
      <c r="L114" s="24">
        <f>'[1]年齢別人口市区町村(総数)'!F131</f>
        <v>3047</v>
      </c>
      <c r="M114" s="23">
        <f>'[1]年齢別人口市区町村(日本人)'!G131</f>
        <v>3455</v>
      </c>
      <c r="N114" s="23">
        <f>'[1]年齢別人口市区町村(外国人)'!G131</f>
        <v>29</v>
      </c>
      <c r="O114" s="24">
        <f>'[1]年齢別人口市区町村(総数)'!G131</f>
        <v>3484</v>
      </c>
      <c r="P114" s="23">
        <f>'[1]年齢別人口市区町村(日本人)'!H131</f>
        <v>3823</v>
      </c>
      <c r="Q114" s="23">
        <f>'[1]年齢別人口市区町村(外国人)'!H131</f>
        <v>55</v>
      </c>
      <c r="R114" s="24">
        <f>'[1]年齢別人口市区町村(総数)'!H131</f>
        <v>3878</v>
      </c>
      <c r="S114" s="23">
        <f>'[1]年齢別人口市区町村(日本人)'!I131</f>
        <v>4154</v>
      </c>
      <c r="T114" s="23">
        <f>'[1]年齢別人口市区町村(外国人)'!I131</f>
        <v>292</v>
      </c>
      <c r="U114" s="24">
        <f>'[1]年齢別人口市区町村(総数)'!I131</f>
        <v>4446</v>
      </c>
      <c r="V114" s="23">
        <f>'[1]年齢別人口市区町村(日本人)'!J131</f>
        <v>4078</v>
      </c>
      <c r="W114" s="23">
        <f>'[1]年齢別人口市区町村(外国人)'!J131</f>
        <v>412</v>
      </c>
      <c r="X114" s="24">
        <f>'[1]年齢別人口市区町村(総数)'!J131</f>
        <v>4490</v>
      </c>
      <c r="Y114" s="23">
        <f>'[1]年齢別人口市区町村(日本人)'!K131</f>
        <v>4038</v>
      </c>
      <c r="Z114" s="23">
        <f>'[1]年齢別人口市区町村(外国人)'!K131</f>
        <v>268</v>
      </c>
      <c r="AA114" s="24">
        <f>'[1]年齢別人口市区町村(総数)'!K131</f>
        <v>4306</v>
      </c>
      <c r="AB114" s="23">
        <f>'[1]年齢別人口市区町村(日本人)'!L131</f>
        <v>4318</v>
      </c>
      <c r="AC114" s="23">
        <f>'[1]年齢別人口市区町村(外国人)'!L131</f>
        <v>208</v>
      </c>
      <c r="AD114" s="24">
        <f>'[1]年齢別人口市区町村(総数)'!L131</f>
        <v>4526</v>
      </c>
      <c r="AE114" s="23">
        <f>'[1]年齢別人口市区町村(日本人)'!M131</f>
        <v>5160</v>
      </c>
      <c r="AF114" s="23">
        <f>'[1]年齢別人口市区町村(外国人)'!M131</f>
        <v>165</v>
      </c>
      <c r="AG114" s="24">
        <f>'[1]年齢別人口市区町村(総数)'!M131</f>
        <v>5325</v>
      </c>
      <c r="AH114" s="23">
        <f>'[1]年齢別人口市区町村(日本人)'!N131</f>
        <v>5836</v>
      </c>
      <c r="AI114" s="23">
        <f>'[1]年齢別人口市区町村(外国人)'!N131</f>
        <v>154</v>
      </c>
      <c r="AJ114" s="24">
        <f>'[1]年齢別人口市区町村(総数)'!N131</f>
        <v>5990</v>
      </c>
      <c r="AK114" s="23">
        <f>'[1]年齢別人口市区町村(日本人)'!O131</f>
        <v>7260</v>
      </c>
      <c r="AL114" s="23">
        <f>'[1]年齢別人口市区町村(外国人)'!O131</f>
        <v>140</v>
      </c>
      <c r="AM114" s="24">
        <f>'[1]年齢別人口市区町村(総数)'!O131</f>
        <v>7400</v>
      </c>
      <c r="AN114" s="23">
        <f>'[1]年齢別人口市区町村(日本人)'!P131</f>
        <v>6876</v>
      </c>
      <c r="AO114" s="23">
        <f>'[1]年齢別人口市区町村(外国人)'!P131</f>
        <v>138</v>
      </c>
      <c r="AP114" s="24">
        <f>'[1]年齢別人口市区町村(総数)'!P131</f>
        <v>7014</v>
      </c>
      <c r="AQ114" s="23">
        <f>'[1]年齢別人口市区町村(日本人)'!Q131</f>
        <v>6280</v>
      </c>
      <c r="AR114" s="23">
        <f>'[1]年齢別人口市区町村(外国人)'!Q131</f>
        <v>83</v>
      </c>
      <c r="AS114" s="24">
        <f>'[1]年齢別人口市区町村(総数)'!Q131</f>
        <v>6363</v>
      </c>
      <c r="AT114" s="23">
        <f>'[1]年齢別人口市区町村(日本人)'!R131</f>
        <v>5703</v>
      </c>
      <c r="AU114" s="23">
        <f>'[1]年齢別人口市区町村(外国人)'!R131</f>
        <v>55</v>
      </c>
      <c r="AV114" s="24">
        <f>'[1]年齢別人口市区町村(総数)'!R131</f>
        <v>5758</v>
      </c>
      <c r="AW114" s="23">
        <f>'[1]年齢別人口市区町村(日本人)'!S131</f>
        <v>6274</v>
      </c>
      <c r="AX114" s="23">
        <f>'[1]年齢別人口市区町村(外国人)'!S131</f>
        <v>33</v>
      </c>
      <c r="AY114" s="24">
        <f>'[1]年齢別人口市区町村(総数)'!S131</f>
        <v>6307</v>
      </c>
      <c r="AZ114" s="23">
        <f>'[1]年齢別人口市区町村(日本人)'!T131</f>
        <v>7425</v>
      </c>
      <c r="BA114" s="23">
        <f>'[1]年齢別人口市区町村(外国人)'!T131</f>
        <v>22</v>
      </c>
      <c r="BB114" s="24">
        <f>'[1]年齢別人口市区町村(総数)'!T131</f>
        <v>7447</v>
      </c>
      <c r="BC114" s="23">
        <f>'[1]年齢別人口市区町村(日本人)'!U131</f>
        <v>5704</v>
      </c>
      <c r="BD114" s="23">
        <f>'[1]年齢別人口市区町村(外国人)'!U131</f>
        <v>24</v>
      </c>
      <c r="BE114" s="24">
        <f>'[1]年齢別人口市区町村(総数)'!U131</f>
        <v>5728</v>
      </c>
      <c r="BF114" s="23">
        <f>'[1]年齢別人口市区町村(日本人)'!V131</f>
        <v>4087</v>
      </c>
      <c r="BG114" s="23">
        <f>'[1]年齢別人口市区町村(外国人)'!V131</f>
        <v>11</v>
      </c>
      <c r="BH114" s="24">
        <f>'[1]年齢別人口市区町村(総数)'!V131</f>
        <v>4098</v>
      </c>
      <c r="BI114" s="23">
        <f>'[1]年齢別人口市区町村(日本人)'!W131</f>
        <v>2227</v>
      </c>
      <c r="BJ114" s="23">
        <f>'[1]年齢別人口市区町村(外国人)'!W131</f>
        <v>3</v>
      </c>
      <c r="BK114" s="24">
        <f>'[1]年齢別人口市区町村(総数)'!W131</f>
        <v>2230</v>
      </c>
      <c r="BL114" s="23">
        <f>'[1]年齢別人口市区町村(日本人)'!X131</f>
        <v>763</v>
      </c>
      <c r="BM114" s="23">
        <f>'[1]年齢別人口市区町村(外国人)'!X131</f>
        <v>0</v>
      </c>
      <c r="BN114" s="24">
        <f>'[1]年齢別人口市区町村(総数)'!X131</f>
        <v>763</v>
      </c>
      <c r="BO114" s="23">
        <f>'[1]年齢別人口市区町村(日本人)'!Y131</f>
        <v>137</v>
      </c>
      <c r="BP114" s="23">
        <f>'[1]年齢別人口市区町村(外国人)'!Y131</f>
        <v>0</v>
      </c>
      <c r="BQ114" s="61">
        <f>'[1]年齢別人口市区町村(総数)'!Y131</f>
        <v>137</v>
      </c>
    </row>
    <row r="115" spans="1:69" ht="15" thickBot="1" x14ac:dyDescent="0.2">
      <c r="A115" s="29"/>
      <c r="B115" s="25" t="s">
        <v>32</v>
      </c>
      <c r="C115" s="47"/>
      <c r="D115" s="26">
        <f>'[1]年齢別人口市区町村(日本人)'!D129</f>
        <v>181389</v>
      </c>
      <c r="E115" s="27">
        <f>'[1]年齢別人口市区町村(外国人)'!D129</f>
        <v>4035</v>
      </c>
      <c r="F115" s="28">
        <f>'[1]年齢別人口市区町村(総数)'!D129</f>
        <v>185424</v>
      </c>
      <c r="G115" s="27">
        <f>'[1]年齢別人口市区町村(日本人)'!E129</f>
        <v>4747</v>
      </c>
      <c r="H115" s="27">
        <f>'[1]年齢別人口市区町村(外国人)'!E129</f>
        <v>126</v>
      </c>
      <c r="I115" s="28">
        <f>'[1]年齢別人口市区町村(総数)'!E129</f>
        <v>4873</v>
      </c>
      <c r="J115" s="27">
        <f>'[1]年齢別人口市区町村(日本人)'!F129</f>
        <v>6187</v>
      </c>
      <c r="K115" s="27">
        <f>'[1]年齢別人口市区町村(外国人)'!F129</f>
        <v>66</v>
      </c>
      <c r="L115" s="28">
        <f>'[1]年齢別人口市区町村(総数)'!F129</f>
        <v>6253</v>
      </c>
      <c r="M115" s="27">
        <f>'[1]年齢別人口市区町村(日本人)'!G129</f>
        <v>7194</v>
      </c>
      <c r="N115" s="27">
        <f>'[1]年齢別人口市区町村(外国人)'!G129</f>
        <v>59</v>
      </c>
      <c r="O115" s="28">
        <f>'[1]年齢別人口市区町村(総数)'!G129</f>
        <v>7253</v>
      </c>
      <c r="P115" s="27">
        <f>'[1]年齢別人口市区町村(日本人)'!H129</f>
        <v>7833</v>
      </c>
      <c r="Q115" s="27">
        <f>'[1]年齢別人口市区町村(外国人)'!H129</f>
        <v>108</v>
      </c>
      <c r="R115" s="28">
        <f>'[1]年齢別人口市区町村(総数)'!H129</f>
        <v>7941</v>
      </c>
      <c r="S115" s="27">
        <f>'[1]年齢別人口市区町村(日本人)'!I129</f>
        <v>8275</v>
      </c>
      <c r="T115" s="27">
        <f>'[1]年齢別人口市区町村(外国人)'!I129</f>
        <v>560</v>
      </c>
      <c r="U115" s="28">
        <f>'[1]年齢別人口市区町村(総数)'!I129</f>
        <v>8835</v>
      </c>
      <c r="V115" s="27">
        <f>'[1]年齢別人口市区町村(日本人)'!J129</f>
        <v>8109</v>
      </c>
      <c r="W115" s="27">
        <f>'[1]年齢別人口市区町村(外国人)'!J129</f>
        <v>841</v>
      </c>
      <c r="X115" s="28">
        <f>'[1]年齢別人口市区町村(総数)'!J129</f>
        <v>8950</v>
      </c>
      <c r="Y115" s="27">
        <f>'[1]年齢別人口市区町村(日本人)'!K129</f>
        <v>8225</v>
      </c>
      <c r="Z115" s="27">
        <f>'[1]年齢別人口市区町村(外国人)'!K129</f>
        <v>608</v>
      </c>
      <c r="AA115" s="28">
        <f>'[1]年齢別人口市区町村(総数)'!K129</f>
        <v>8833</v>
      </c>
      <c r="AB115" s="27">
        <f>'[1]年齢別人口市区町村(日本人)'!L129</f>
        <v>8945</v>
      </c>
      <c r="AC115" s="27">
        <f>'[1]年齢別人口市区町村(外国人)'!L129</f>
        <v>392</v>
      </c>
      <c r="AD115" s="28">
        <f>'[1]年齢別人口市区町村(総数)'!L129</f>
        <v>9337</v>
      </c>
      <c r="AE115" s="27">
        <f>'[1]年齢別人口市区町村(日本人)'!M129</f>
        <v>10516</v>
      </c>
      <c r="AF115" s="27">
        <f>'[1]年齢別人口市区町村(外国人)'!M129</f>
        <v>285</v>
      </c>
      <c r="AG115" s="28">
        <f>'[1]年齢別人口市区町村(総数)'!M129</f>
        <v>10801</v>
      </c>
      <c r="AH115" s="27">
        <f>'[1]年齢別人口市区町村(日本人)'!N129</f>
        <v>11956</v>
      </c>
      <c r="AI115" s="27">
        <f>'[1]年齢別人口市区町村(外国人)'!N129</f>
        <v>232</v>
      </c>
      <c r="AJ115" s="28">
        <f>'[1]年齢別人口市区町村(総数)'!N129</f>
        <v>12188</v>
      </c>
      <c r="AK115" s="27">
        <f>'[1]年齢別人口市区町村(日本人)'!O129</f>
        <v>14865</v>
      </c>
      <c r="AL115" s="27">
        <f>'[1]年齢別人口市区町村(外国人)'!O129</f>
        <v>209</v>
      </c>
      <c r="AM115" s="28">
        <f>'[1]年齢別人口市区町村(総数)'!O129</f>
        <v>15074</v>
      </c>
      <c r="AN115" s="27">
        <f>'[1]年齢別人口市区町村(日本人)'!P129</f>
        <v>14184</v>
      </c>
      <c r="AO115" s="27">
        <f>'[1]年齢別人口市区町村(外国人)'!P129</f>
        <v>203</v>
      </c>
      <c r="AP115" s="28">
        <f>'[1]年齢別人口市区町村(総数)'!P129</f>
        <v>14387</v>
      </c>
      <c r="AQ115" s="27">
        <f>'[1]年齢別人口市区町村(日本人)'!Q129</f>
        <v>12758</v>
      </c>
      <c r="AR115" s="27">
        <f>'[1]年齢別人口市区町村(外国人)'!Q129</f>
        <v>120</v>
      </c>
      <c r="AS115" s="28">
        <f>'[1]年齢別人口市区町村(総数)'!Q129</f>
        <v>12878</v>
      </c>
      <c r="AT115" s="27">
        <f>'[1]年齢別人口市区町村(日本人)'!R129</f>
        <v>11349</v>
      </c>
      <c r="AU115" s="27">
        <f>'[1]年齢別人口市区町村(外国人)'!R129</f>
        <v>90</v>
      </c>
      <c r="AV115" s="28">
        <f>'[1]年齢別人口市区町村(総数)'!R129</f>
        <v>11439</v>
      </c>
      <c r="AW115" s="27">
        <f>'[1]年齢別人口市区町村(日本人)'!S129</f>
        <v>11981</v>
      </c>
      <c r="AX115" s="27">
        <f>'[1]年齢別人口市区町村(外国人)'!S129</f>
        <v>44</v>
      </c>
      <c r="AY115" s="28">
        <f>'[1]年齢別人口市区町村(総数)'!S129</f>
        <v>12025</v>
      </c>
      <c r="AZ115" s="27">
        <f>'[1]年齢別人口市区町村(日本人)'!T129</f>
        <v>13774</v>
      </c>
      <c r="BA115" s="27">
        <f>'[1]年齢別人口市区町村(外国人)'!T129</f>
        <v>36</v>
      </c>
      <c r="BB115" s="28">
        <f>'[1]年齢別人口市区町村(総数)'!T129</f>
        <v>13810</v>
      </c>
      <c r="BC115" s="27">
        <f>'[1]年齢別人口市区町村(日本人)'!U129</f>
        <v>9684</v>
      </c>
      <c r="BD115" s="27">
        <f>'[1]年齢別人口市区町村(外国人)'!U129</f>
        <v>35</v>
      </c>
      <c r="BE115" s="28">
        <f>'[1]年齢別人口市区町村(総数)'!U129</f>
        <v>9719</v>
      </c>
      <c r="BF115" s="27">
        <f>'[1]年齢別人口市区町村(日本人)'!V129</f>
        <v>6416</v>
      </c>
      <c r="BG115" s="27">
        <f>'[1]年齢別人口市区町村(外国人)'!V129</f>
        <v>15</v>
      </c>
      <c r="BH115" s="28">
        <f>'[1]年齢別人口市区町村(総数)'!V129</f>
        <v>6431</v>
      </c>
      <c r="BI115" s="27">
        <f>'[1]年齢別人口市区町村(日本人)'!W129</f>
        <v>3273</v>
      </c>
      <c r="BJ115" s="27">
        <f>'[1]年齢別人口市区町村(外国人)'!W129</f>
        <v>6</v>
      </c>
      <c r="BK115" s="28">
        <f>'[1]年齢別人口市区町村(総数)'!W129</f>
        <v>3279</v>
      </c>
      <c r="BL115" s="27">
        <f>'[1]年齢別人口市区町村(日本人)'!X129</f>
        <v>959</v>
      </c>
      <c r="BM115" s="27">
        <f>'[1]年齢別人口市区町村(外国人)'!X129</f>
        <v>0</v>
      </c>
      <c r="BN115" s="28">
        <f>'[1]年齢別人口市区町村(総数)'!X129</f>
        <v>959</v>
      </c>
      <c r="BO115" s="27">
        <f>'[1]年齢別人口市区町村(日本人)'!Y129</f>
        <v>159</v>
      </c>
      <c r="BP115" s="27">
        <f>'[1]年齢別人口市区町村(外国人)'!Y129</f>
        <v>0</v>
      </c>
      <c r="BQ115" s="62">
        <f>'[1]年齢別人口市区町村(総数)'!Y129</f>
        <v>159</v>
      </c>
    </row>
    <row r="116" spans="1:69" x14ac:dyDescent="0.15">
      <c r="A116" s="20"/>
      <c r="B116" s="17" t="s">
        <v>29</v>
      </c>
      <c r="C116" s="45">
        <v>142077</v>
      </c>
      <c r="D116" s="18">
        <f>'[1]年齢別人口市区町村(日本人)'!D133</f>
        <v>118853</v>
      </c>
      <c r="E116" s="19">
        <f>'[1]年齢別人口市区町村(外国人)'!D133</f>
        <v>1474</v>
      </c>
      <c r="F116" s="19">
        <f>'[1]年齢別人口市区町村(総数)'!D133</f>
        <v>120327</v>
      </c>
      <c r="G116" s="19">
        <f>'[1]年齢別人口市区町村(日本人)'!E133</f>
        <v>4161</v>
      </c>
      <c r="H116" s="19">
        <f>'[1]年齢別人口市区町村(外国人)'!E133</f>
        <v>36</v>
      </c>
      <c r="I116" s="19">
        <f>'[1]年齢別人口市区町村(総数)'!E133</f>
        <v>4197</v>
      </c>
      <c r="J116" s="19">
        <f>'[1]年齢別人口市区町村(日本人)'!F133</f>
        <v>5176</v>
      </c>
      <c r="K116" s="19">
        <f>'[1]年齢別人口市区町村(外国人)'!F133</f>
        <v>26</v>
      </c>
      <c r="L116" s="19">
        <f>'[1]年齢別人口市区町村(総数)'!F133</f>
        <v>5202</v>
      </c>
      <c r="M116" s="19">
        <f>'[1]年齢別人口市区町村(日本人)'!G133</f>
        <v>5763</v>
      </c>
      <c r="N116" s="19">
        <f>'[1]年齢別人口市区町村(外国人)'!G133</f>
        <v>23</v>
      </c>
      <c r="O116" s="19">
        <f>'[1]年齢別人口市区町村(総数)'!G133</f>
        <v>5786</v>
      </c>
      <c r="P116" s="19">
        <f>'[1]年齢別人口市区町村(日本人)'!H133</f>
        <v>5805</v>
      </c>
      <c r="Q116" s="19">
        <f>'[1]年齢別人口市区町村(外国人)'!H133</f>
        <v>25</v>
      </c>
      <c r="R116" s="19">
        <f>'[1]年齢別人口市区町村(総数)'!H133</f>
        <v>5830</v>
      </c>
      <c r="S116" s="19">
        <f>'[1]年齢別人口市区町村(日本人)'!I133</f>
        <v>5496</v>
      </c>
      <c r="T116" s="19">
        <f>'[1]年齢別人口市区町村(外国人)'!I133</f>
        <v>178</v>
      </c>
      <c r="U116" s="19">
        <f>'[1]年齢別人口市区町村(総数)'!I133</f>
        <v>5674</v>
      </c>
      <c r="V116" s="19">
        <f>'[1]年齢別人口市区町村(日本人)'!J133</f>
        <v>5280</v>
      </c>
      <c r="W116" s="19">
        <f>'[1]年齢別人口市区町村(外国人)'!J133</f>
        <v>236</v>
      </c>
      <c r="X116" s="19">
        <f>'[1]年齢別人口市区町村(総数)'!J133</f>
        <v>5516</v>
      </c>
      <c r="Y116" s="19">
        <f>'[1]年齢別人口市区町村(日本人)'!K133</f>
        <v>5703</v>
      </c>
      <c r="Z116" s="19">
        <f>'[1]年齢別人口市区町村(外国人)'!K133</f>
        <v>213</v>
      </c>
      <c r="AA116" s="19">
        <f>'[1]年齢別人口市区町村(総数)'!K133</f>
        <v>5916</v>
      </c>
      <c r="AB116" s="19">
        <f>'[1]年齢別人口市区町村(日本人)'!L133</f>
        <v>6454</v>
      </c>
      <c r="AC116" s="19">
        <f>'[1]年齢別人口市区町村(外国人)'!L133</f>
        <v>177</v>
      </c>
      <c r="AD116" s="19">
        <f>'[1]年齢別人口市区町村(総数)'!L133</f>
        <v>6631</v>
      </c>
      <c r="AE116" s="19">
        <f>'[1]年齢別人口市区町村(日本人)'!M133</f>
        <v>7666</v>
      </c>
      <c r="AF116" s="19">
        <f>'[1]年齢別人口市区町村(外国人)'!M133</f>
        <v>136</v>
      </c>
      <c r="AG116" s="19">
        <f>'[1]年齢別人口市区町村(総数)'!M133</f>
        <v>7802</v>
      </c>
      <c r="AH116" s="19">
        <f>'[1]年齢別人口市区町村(日本人)'!N133</f>
        <v>9043</v>
      </c>
      <c r="AI116" s="19">
        <f>'[1]年齢別人口市区町村(外国人)'!N133</f>
        <v>98</v>
      </c>
      <c r="AJ116" s="19">
        <f>'[1]年齢別人口市区町村(総数)'!N133</f>
        <v>9141</v>
      </c>
      <c r="AK116" s="19">
        <f>'[1]年齢別人口市区町村(日本人)'!O133</f>
        <v>10668</v>
      </c>
      <c r="AL116" s="19">
        <f>'[1]年齢別人口市区町村(外国人)'!O133</f>
        <v>101</v>
      </c>
      <c r="AM116" s="19">
        <f>'[1]年齢別人口市区町村(総数)'!O133</f>
        <v>10769</v>
      </c>
      <c r="AN116" s="19">
        <f>'[1]年齢別人口市区町村(日本人)'!P133</f>
        <v>9965</v>
      </c>
      <c r="AO116" s="19">
        <f>'[1]年齢別人口市区町村(外国人)'!P133</f>
        <v>75</v>
      </c>
      <c r="AP116" s="19">
        <f>'[1]年齢別人口市区町村(総数)'!P133</f>
        <v>10040</v>
      </c>
      <c r="AQ116" s="19">
        <f>'[1]年齢別人口市区町村(日本人)'!Q133</f>
        <v>8424</v>
      </c>
      <c r="AR116" s="19">
        <f>'[1]年齢別人口市区町村(外国人)'!Q133</f>
        <v>55</v>
      </c>
      <c r="AS116" s="19">
        <f>'[1]年齢別人口市区町村(総数)'!Q133</f>
        <v>8479</v>
      </c>
      <c r="AT116" s="19">
        <f>'[1]年齢別人口市区町村(日本人)'!R133</f>
        <v>6434</v>
      </c>
      <c r="AU116" s="19">
        <f>'[1]年齢別人口市区町村(外国人)'!R133</f>
        <v>32</v>
      </c>
      <c r="AV116" s="19">
        <f>'[1]年齢別人口市区町村(総数)'!R133</f>
        <v>6466</v>
      </c>
      <c r="AW116" s="19">
        <f>'[1]年齢別人口市区町村(日本人)'!S133</f>
        <v>6236</v>
      </c>
      <c r="AX116" s="19">
        <f>'[1]年齢別人口市区町村(外国人)'!S133</f>
        <v>23</v>
      </c>
      <c r="AY116" s="19">
        <f>'[1]年齢別人口市区町村(総数)'!S133</f>
        <v>6259</v>
      </c>
      <c r="AZ116" s="19">
        <f>'[1]年齢別人口市区町村(日本人)'!T133</f>
        <v>6978</v>
      </c>
      <c r="BA116" s="19">
        <f>'[1]年齢別人口市区町村(外国人)'!T133</f>
        <v>16</v>
      </c>
      <c r="BB116" s="19">
        <f>'[1]年齢別人口市区町村(総数)'!T133</f>
        <v>6994</v>
      </c>
      <c r="BC116" s="19">
        <f>'[1]年齢別人口市区町村(日本人)'!U133</f>
        <v>4913</v>
      </c>
      <c r="BD116" s="19">
        <f>'[1]年齢別人口市区町村(外国人)'!U133</f>
        <v>11</v>
      </c>
      <c r="BE116" s="19">
        <f>'[1]年齢別人口市区町村(総数)'!U133</f>
        <v>4924</v>
      </c>
      <c r="BF116" s="19">
        <f>'[1]年齢別人口市区町村(日本人)'!V133</f>
        <v>3183</v>
      </c>
      <c r="BG116" s="19">
        <f>'[1]年齢別人口市区町村(外国人)'!V133</f>
        <v>11</v>
      </c>
      <c r="BH116" s="19">
        <f>'[1]年齢別人口市区町村(総数)'!V133</f>
        <v>3194</v>
      </c>
      <c r="BI116" s="19">
        <f>'[1]年齢別人口市区町村(日本人)'!W133</f>
        <v>1248</v>
      </c>
      <c r="BJ116" s="19">
        <f>'[1]年齢別人口市区町村(外国人)'!W133</f>
        <v>0</v>
      </c>
      <c r="BK116" s="19">
        <f>'[1]年齢別人口市区町村(総数)'!W133</f>
        <v>1248</v>
      </c>
      <c r="BL116" s="19">
        <f>'[1]年齢別人口市区町村(日本人)'!X133</f>
        <v>237</v>
      </c>
      <c r="BM116" s="19">
        <f>'[1]年齢別人口市区町村(外国人)'!X133</f>
        <v>2</v>
      </c>
      <c r="BN116" s="19">
        <f>'[1]年齢別人口市区町村(総数)'!X133</f>
        <v>239</v>
      </c>
      <c r="BO116" s="19">
        <f>'[1]年齢別人口市区町村(日本人)'!Y133</f>
        <v>20</v>
      </c>
      <c r="BP116" s="19">
        <f>'[1]年齢別人口市区町村(外国人)'!Y133</f>
        <v>0</v>
      </c>
      <c r="BQ116" s="60">
        <f>'[1]年齢別人口市区町村(総数)'!Y133</f>
        <v>20</v>
      </c>
    </row>
    <row r="117" spans="1:69" x14ac:dyDescent="0.15">
      <c r="A117" s="20" t="s">
        <v>67</v>
      </c>
      <c r="B117" s="21" t="s">
        <v>31</v>
      </c>
      <c r="C117" s="46"/>
      <c r="D117" s="22">
        <f>'[1]年齢別人口市区町村(日本人)'!D134</f>
        <v>125518</v>
      </c>
      <c r="E117" s="23">
        <f>'[1]年齢別人口市区町村(外国人)'!D134</f>
        <v>1369</v>
      </c>
      <c r="F117" s="24">
        <f>'[1]年齢別人口市区町村(総数)'!D134</f>
        <v>126887</v>
      </c>
      <c r="G117" s="23">
        <f>'[1]年齢別人口市区町村(日本人)'!E134</f>
        <v>3861</v>
      </c>
      <c r="H117" s="23">
        <f>'[1]年齢別人口市区町村(外国人)'!E134</f>
        <v>28</v>
      </c>
      <c r="I117" s="24">
        <f>'[1]年齢別人口市区町村(総数)'!E134</f>
        <v>3889</v>
      </c>
      <c r="J117" s="23">
        <f>'[1]年齢別人口市区町村(日本人)'!F134</f>
        <v>4876</v>
      </c>
      <c r="K117" s="23">
        <f>'[1]年齢別人口市区町村(外国人)'!F134</f>
        <v>21</v>
      </c>
      <c r="L117" s="24">
        <f>'[1]年齢別人口市区町村(総数)'!F134</f>
        <v>4897</v>
      </c>
      <c r="M117" s="23">
        <f>'[1]年齢別人口市区町村(日本人)'!G134</f>
        <v>5433</v>
      </c>
      <c r="N117" s="23">
        <f>'[1]年齢別人口市区町村(外国人)'!G134</f>
        <v>24</v>
      </c>
      <c r="O117" s="24">
        <f>'[1]年齢別人口市区町村(総数)'!G134</f>
        <v>5457</v>
      </c>
      <c r="P117" s="23">
        <f>'[1]年齢別人口市区町村(日本人)'!H134</f>
        <v>5702</v>
      </c>
      <c r="Q117" s="23">
        <f>'[1]年齢別人口市区町村(外国人)'!H134</f>
        <v>25</v>
      </c>
      <c r="R117" s="24">
        <f>'[1]年齢別人口市区町村(総数)'!H134</f>
        <v>5727</v>
      </c>
      <c r="S117" s="23">
        <f>'[1]年齢別人口市区町村(日本人)'!I134</f>
        <v>5603</v>
      </c>
      <c r="T117" s="23">
        <f>'[1]年齢別人口市区町村(外国人)'!I134</f>
        <v>124</v>
      </c>
      <c r="U117" s="24">
        <f>'[1]年齢別人口市区町村(総数)'!I134</f>
        <v>5727</v>
      </c>
      <c r="V117" s="23">
        <f>'[1]年齢別人口市区町村(日本人)'!J134</f>
        <v>5310</v>
      </c>
      <c r="W117" s="23">
        <f>'[1]年齢別人口市区町村(外国人)'!J134</f>
        <v>187</v>
      </c>
      <c r="X117" s="24">
        <f>'[1]年齢別人口市区町村(総数)'!J134</f>
        <v>5497</v>
      </c>
      <c r="Y117" s="23">
        <f>'[1]年齢別人口市区町村(日本人)'!K134</f>
        <v>5797</v>
      </c>
      <c r="Z117" s="23">
        <f>'[1]年齢別人口市区町村(外国人)'!K134</f>
        <v>143</v>
      </c>
      <c r="AA117" s="24">
        <f>'[1]年齢別人口市区町村(総数)'!K134</f>
        <v>5940</v>
      </c>
      <c r="AB117" s="23">
        <f>'[1]年齢別人口市区町村(日本人)'!L134</f>
        <v>6381</v>
      </c>
      <c r="AC117" s="23">
        <f>'[1]年齢別人口市区町村(外国人)'!L134</f>
        <v>143</v>
      </c>
      <c r="AD117" s="24">
        <f>'[1]年齢別人口市区町村(総数)'!L134</f>
        <v>6524</v>
      </c>
      <c r="AE117" s="23">
        <f>'[1]年齢別人口市区町村(日本人)'!M134</f>
        <v>7872</v>
      </c>
      <c r="AF117" s="23">
        <f>'[1]年齢別人口市区町村(外国人)'!M134</f>
        <v>136</v>
      </c>
      <c r="AG117" s="24">
        <f>'[1]年齢別人口市区町村(総数)'!M134</f>
        <v>8008</v>
      </c>
      <c r="AH117" s="23">
        <f>'[1]年齢別人口市区町村(日本人)'!N134</f>
        <v>9109</v>
      </c>
      <c r="AI117" s="23">
        <f>'[1]年齢別人口市区町村(外国人)'!N134</f>
        <v>110</v>
      </c>
      <c r="AJ117" s="24">
        <f>'[1]年齢別人口市区町村(総数)'!N134</f>
        <v>9219</v>
      </c>
      <c r="AK117" s="23">
        <f>'[1]年齢別人口市区町村(日本人)'!O134</f>
        <v>10730</v>
      </c>
      <c r="AL117" s="23">
        <f>'[1]年齢別人口市区町村(外国人)'!O134</f>
        <v>129</v>
      </c>
      <c r="AM117" s="24">
        <f>'[1]年齢別人口市区町村(総数)'!O134</f>
        <v>10859</v>
      </c>
      <c r="AN117" s="23">
        <f>'[1]年齢別人口市区町村(日本人)'!P134</f>
        <v>9497</v>
      </c>
      <c r="AO117" s="23">
        <f>'[1]年齢別人口市区町村(外国人)'!P134</f>
        <v>106</v>
      </c>
      <c r="AP117" s="24">
        <f>'[1]年齢別人口市区町村(総数)'!P134</f>
        <v>9603</v>
      </c>
      <c r="AQ117" s="23">
        <f>'[1]年齢別人口市区町村(日本人)'!Q134</f>
        <v>7984</v>
      </c>
      <c r="AR117" s="23">
        <f>'[1]年齢別人口市区町村(外国人)'!Q134</f>
        <v>76</v>
      </c>
      <c r="AS117" s="24">
        <f>'[1]年齢別人口市区町村(総数)'!Q134</f>
        <v>8060</v>
      </c>
      <c r="AT117" s="23">
        <f>'[1]年齢別人口市区町村(日本人)'!R134</f>
        <v>6540</v>
      </c>
      <c r="AU117" s="23">
        <f>'[1]年齢別人口市区町村(外国人)'!R134</f>
        <v>50</v>
      </c>
      <c r="AV117" s="24">
        <f>'[1]年齢別人口市区町村(総数)'!R134</f>
        <v>6590</v>
      </c>
      <c r="AW117" s="23">
        <f>'[1]年齢別人口市区町村(日本人)'!S134</f>
        <v>6995</v>
      </c>
      <c r="AX117" s="23">
        <f>'[1]年齢別人口市区町村(外国人)'!S134</f>
        <v>29</v>
      </c>
      <c r="AY117" s="24">
        <f>'[1]年齢別人口市区町村(総数)'!S134</f>
        <v>7024</v>
      </c>
      <c r="AZ117" s="23">
        <f>'[1]年齢別人口市区町村(日本人)'!T134</f>
        <v>8722</v>
      </c>
      <c r="BA117" s="23">
        <f>'[1]年齢別人口市区町村(外国人)'!T134</f>
        <v>13</v>
      </c>
      <c r="BB117" s="24">
        <f>'[1]年齢別人口市区町村(総数)'!T134</f>
        <v>8735</v>
      </c>
      <c r="BC117" s="23">
        <f>'[1]年齢別人口市区町村(日本人)'!U134</f>
        <v>6771</v>
      </c>
      <c r="BD117" s="23">
        <f>'[1]年齢別人口市区町村(外国人)'!U134</f>
        <v>13</v>
      </c>
      <c r="BE117" s="24">
        <f>'[1]年齢別人口市区町村(総数)'!U134</f>
        <v>6784</v>
      </c>
      <c r="BF117" s="23">
        <f>'[1]年齢別人口市区町村(日本人)'!V134</f>
        <v>4806</v>
      </c>
      <c r="BG117" s="23">
        <f>'[1]年齢別人口市区町村(外国人)'!V134</f>
        <v>9</v>
      </c>
      <c r="BH117" s="24">
        <f>'[1]年齢別人口市区町村(総数)'!V134</f>
        <v>4815</v>
      </c>
      <c r="BI117" s="23">
        <f>'[1]年齢別人口市区町村(日本人)'!W134</f>
        <v>2593</v>
      </c>
      <c r="BJ117" s="23">
        <f>'[1]年齢別人口市区町村(外国人)'!W134</f>
        <v>1</v>
      </c>
      <c r="BK117" s="24">
        <f>'[1]年齢別人口市区町村(総数)'!W134</f>
        <v>2594</v>
      </c>
      <c r="BL117" s="23">
        <f>'[1]年齢別人口市区町村(日本人)'!X134</f>
        <v>802</v>
      </c>
      <c r="BM117" s="23">
        <f>'[1]年齢別人口市区町村(外国人)'!X134</f>
        <v>2</v>
      </c>
      <c r="BN117" s="24">
        <f>'[1]年齢別人口市区町村(総数)'!X134</f>
        <v>804</v>
      </c>
      <c r="BO117" s="23">
        <f>'[1]年齢別人口市区町村(日本人)'!Y134</f>
        <v>134</v>
      </c>
      <c r="BP117" s="23">
        <f>'[1]年齢別人口市区町村(外国人)'!Y134</f>
        <v>0</v>
      </c>
      <c r="BQ117" s="61">
        <f>'[1]年齢別人口市区町村(総数)'!Y134</f>
        <v>134</v>
      </c>
    </row>
    <row r="118" spans="1:69" ht="15" thickBot="1" x14ac:dyDescent="0.2">
      <c r="A118" s="29"/>
      <c r="B118" s="25" t="s">
        <v>32</v>
      </c>
      <c r="C118" s="47"/>
      <c r="D118" s="26">
        <f>'[1]年齢別人口市区町村(日本人)'!D132</f>
        <v>244371</v>
      </c>
      <c r="E118" s="27">
        <f>'[1]年齢別人口市区町村(外国人)'!D132</f>
        <v>2843</v>
      </c>
      <c r="F118" s="28">
        <f>'[1]年齢別人口市区町村(総数)'!D132</f>
        <v>247214</v>
      </c>
      <c r="G118" s="27">
        <f>'[1]年齢別人口市区町村(日本人)'!E132</f>
        <v>8022</v>
      </c>
      <c r="H118" s="27">
        <f>'[1]年齢別人口市区町村(外国人)'!E132</f>
        <v>64</v>
      </c>
      <c r="I118" s="28">
        <f>'[1]年齢別人口市区町村(総数)'!E132</f>
        <v>8086</v>
      </c>
      <c r="J118" s="27">
        <f>'[1]年齢別人口市区町村(日本人)'!F132</f>
        <v>10052</v>
      </c>
      <c r="K118" s="27">
        <f>'[1]年齢別人口市区町村(外国人)'!F132</f>
        <v>47</v>
      </c>
      <c r="L118" s="28">
        <f>'[1]年齢別人口市区町村(総数)'!F132</f>
        <v>10099</v>
      </c>
      <c r="M118" s="27">
        <f>'[1]年齢別人口市区町村(日本人)'!G132</f>
        <v>11196</v>
      </c>
      <c r="N118" s="27">
        <f>'[1]年齢別人口市区町村(外国人)'!G132</f>
        <v>47</v>
      </c>
      <c r="O118" s="28">
        <f>'[1]年齢別人口市区町村(総数)'!G132</f>
        <v>11243</v>
      </c>
      <c r="P118" s="27">
        <f>'[1]年齢別人口市区町村(日本人)'!H132</f>
        <v>11507</v>
      </c>
      <c r="Q118" s="27">
        <f>'[1]年齢別人口市区町村(外国人)'!H132</f>
        <v>50</v>
      </c>
      <c r="R118" s="28">
        <f>'[1]年齢別人口市区町村(総数)'!H132</f>
        <v>11557</v>
      </c>
      <c r="S118" s="27">
        <f>'[1]年齢別人口市区町村(日本人)'!I132</f>
        <v>11099</v>
      </c>
      <c r="T118" s="27">
        <f>'[1]年齢別人口市区町村(外国人)'!I132</f>
        <v>302</v>
      </c>
      <c r="U118" s="28">
        <f>'[1]年齢別人口市区町村(総数)'!I132</f>
        <v>11401</v>
      </c>
      <c r="V118" s="27">
        <f>'[1]年齢別人口市区町村(日本人)'!J132</f>
        <v>10590</v>
      </c>
      <c r="W118" s="27">
        <f>'[1]年齢別人口市区町村(外国人)'!J132</f>
        <v>423</v>
      </c>
      <c r="X118" s="28">
        <f>'[1]年齢別人口市区町村(総数)'!J132</f>
        <v>11013</v>
      </c>
      <c r="Y118" s="27">
        <f>'[1]年齢別人口市区町村(日本人)'!K132</f>
        <v>11500</v>
      </c>
      <c r="Z118" s="27">
        <f>'[1]年齢別人口市区町村(外国人)'!K132</f>
        <v>356</v>
      </c>
      <c r="AA118" s="28">
        <f>'[1]年齢別人口市区町村(総数)'!K132</f>
        <v>11856</v>
      </c>
      <c r="AB118" s="27">
        <f>'[1]年齢別人口市区町村(日本人)'!L132</f>
        <v>12835</v>
      </c>
      <c r="AC118" s="27">
        <f>'[1]年齢別人口市区町村(外国人)'!L132</f>
        <v>320</v>
      </c>
      <c r="AD118" s="28">
        <f>'[1]年齢別人口市区町村(総数)'!L132</f>
        <v>13155</v>
      </c>
      <c r="AE118" s="27">
        <f>'[1]年齢別人口市区町村(日本人)'!M132</f>
        <v>15538</v>
      </c>
      <c r="AF118" s="27">
        <f>'[1]年齢別人口市区町村(外国人)'!M132</f>
        <v>272</v>
      </c>
      <c r="AG118" s="28">
        <f>'[1]年齢別人口市区町村(総数)'!M132</f>
        <v>15810</v>
      </c>
      <c r="AH118" s="27">
        <f>'[1]年齢別人口市区町村(日本人)'!N132</f>
        <v>18152</v>
      </c>
      <c r="AI118" s="27">
        <f>'[1]年齢別人口市区町村(外国人)'!N132</f>
        <v>208</v>
      </c>
      <c r="AJ118" s="28">
        <f>'[1]年齢別人口市区町村(総数)'!N132</f>
        <v>18360</v>
      </c>
      <c r="AK118" s="27">
        <f>'[1]年齢別人口市区町村(日本人)'!O132</f>
        <v>21398</v>
      </c>
      <c r="AL118" s="27">
        <f>'[1]年齢別人口市区町村(外国人)'!O132</f>
        <v>230</v>
      </c>
      <c r="AM118" s="28">
        <f>'[1]年齢別人口市区町村(総数)'!O132</f>
        <v>21628</v>
      </c>
      <c r="AN118" s="27">
        <f>'[1]年齢別人口市区町村(日本人)'!P132</f>
        <v>19462</v>
      </c>
      <c r="AO118" s="27">
        <f>'[1]年齢別人口市区町村(外国人)'!P132</f>
        <v>181</v>
      </c>
      <c r="AP118" s="28">
        <f>'[1]年齢別人口市区町村(総数)'!P132</f>
        <v>19643</v>
      </c>
      <c r="AQ118" s="27">
        <f>'[1]年齢別人口市区町村(日本人)'!Q132</f>
        <v>16408</v>
      </c>
      <c r="AR118" s="27">
        <f>'[1]年齢別人口市区町村(外国人)'!Q132</f>
        <v>131</v>
      </c>
      <c r="AS118" s="28">
        <f>'[1]年齢別人口市区町村(総数)'!Q132</f>
        <v>16539</v>
      </c>
      <c r="AT118" s="27">
        <f>'[1]年齢別人口市区町村(日本人)'!R132</f>
        <v>12974</v>
      </c>
      <c r="AU118" s="27">
        <f>'[1]年齢別人口市区町村(外国人)'!R132</f>
        <v>82</v>
      </c>
      <c r="AV118" s="28">
        <f>'[1]年齢別人口市区町村(総数)'!R132</f>
        <v>13056</v>
      </c>
      <c r="AW118" s="27">
        <f>'[1]年齢別人口市区町村(日本人)'!S132</f>
        <v>13231</v>
      </c>
      <c r="AX118" s="27">
        <f>'[1]年齢別人口市区町村(外国人)'!S132</f>
        <v>52</v>
      </c>
      <c r="AY118" s="28">
        <f>'[1]年齢別人口市区町村(総数)'!S132</f>
        <v>13283</v>
      </c>
      <c r="AZ118" s="27">
        <f>'[1]年齢別人口市区町村(日本人)'!T132</f>
        <v>15700</v>
      </c>
      <c r="BA118" s="27">
        <f>'[1]年齢別人口市区町村(外国人)'!T132</f>
        <v>29</v>
      </c>
      <c r="BB118" s="28">
        <f>'[1]年齢別人口市区町村(総数)'!T132</f>
        <v>15729</v>
      </c>
      <c r="BC118" s="27">
        <f>'[1]年齢別人口市区町村(日本人)'!U132</f>
        <v>11684</v>
      </c>
      <c r="BD118" s="27">
        <f>'[1]年齢別人口市区町村(外国人)'!U132</f>
        <v>24</v>
      </c>
      <c r="BE118" s="28">
        <f>'[1]年齢別人口市区町村(総数)'!U132</f>
        <v>11708</v>
      </c>
      <c r="BF118" s="27">
        <f>'[1]年齢別人口市区町村(日本人)'!V132</f>
        <v>7989</v>
      </c>
      <c r="BG118" s="27">
        <f>'[1]年齢別人口市区町村(外国人)'!V132</f>
        <v>20</v>
      </c>
      <c r="BH118" s="28">
        <f>'[1]年齢別人口市区町村(総数)'!V132</f>
        <v>8009</v>
      </c>
      <c r="BI118" s="27">
        <f>'[1]年齢別人口市区町村(日本人)'!W132</f>
        <v>3841</v>
      </c>
      <c r="BJ118" s="27">
        <f>'[1]年齢別人口市区町村(外国人)'!W132</f>
        <v>1</v>
      </c>
      <c r="BK118" s="28">
        <f>'[1]年齢別人口市区町村(総数)'!W132</f>
        <v>3842</v>
      </c>
      <c r="BL118" s="27">
        <f>'[1]年齢別人口市区町村(日本人)'!X132</f>
        <v>1039</v>
      </c>
      <c r="BM118" s="27">
        <f>'[1]年齢別人口市区町村(外国人)'!X132</f>
        <v>4</v>
      </c>
      <c r="BN118" s="28">
        <f>'[1]年齢別人口市区町村(総数)'!X132</f>
        <v>1043</v>
      </c>
      <c r="BO118" s="27">
        <f>'[1]年齢別人口市区町村(日本人)'!Y132</f>
        <v>154</v>
      </c>
      <c r="BP118" s="27">
        <f>'[1]年齢別人口市区町村(外国人)'!Y132</f>
        <v>0</v>
      </c>
      <c r="BQ118" s="62">
        <f>'[1]年齢別人口市区町村(総数)'!Y132</f>
        <v>154</v>
      </c>
    </row>
    <row r="119" spans="1:69" x14ac:dyDescent="0.15">
      <c r="A119" s="20"/>
      <c r="B119" s="17" t="s">
        <v>29</v>
      </c>
      <c r="C119" s="45">
        <v>142085</v>
      </c>
      <c r="D119" s="18">
        <f>'[1]年齢別人口市区町村(日本人)'!D136</f>
        <v>26522</v>
      </c>
      <c r="E119" s="19">
        <f>'[1]年齢別人口市区町村(外国人)'!D136</f>
        <v>386</v>
      </c>
      <c r="F119" s="19">
        <f>'[1]年齢別人口市区町村(総数)'!D136</f>
        <v>26908</v>
      </c>
      <c r="G119" s="19">
        <f>'[1]年齢別人口市区町村(日本人)'!E136</f>
        <v>761</v>
      </c>
      <c r="H119" s="19">
        <f>'[1]年齢別人口市区町村(外国人)'!E136</f>
        <v>6</v>
      </c>
      <c r="I119" s="19">
        <f>'[1]年齢別人口市区町村(総数)'!E136</f>
        <v>767</v>
      </c>
      <c r="J119" s="19">
        <f>'[1]年齢別人口市区町村(日本人)'!F136</f>
        <v>1031</v>
      </c>
      <c r="K119" s="19">
        <f>'[1]年齢別人口市区町村(外国人)'!F136</f>
        <v>4</v>
      </c>
      <c r="L119" s="19">
        <f>'[1]年齢別人口市区町村(総数)'!F136</f>
        <v>1035</v>
      </c>
      <c r="M119" s="19">
        <f>'[1]年齢別人口市区町村(日本人)'!G136</f>
        <v>1331</v>
      </c>
      <c r="N119" s="19">
        <f>'[1]年齢別人口市区町村(外国人)'!G136</f>
        <v>6</v>
      </c>
      <c r="O119" s="19">
        <f>'[1]年齢別人口市区町村(総数)'!G136</f>
        <v>1337</v>
      </c>
      <c r="P119" s="19">
        <f>'[1]年齢別人口市区町村(日本人)'!H136</f>
        <v>1236</v>
      </c>
      <c r="Q119" s="19">
        <f>'[1]年齢別人口市区町村(外国人)'!H136</f>
        <v>8</v>
      </c>
      <c r="R119" s="19">
        <f>'[1]年齢別人口市区町村(総数)'!H136</f>
        <v>1244</v>
      </c>
      <c r="S119" s="19">
        <f>'[1]年齢別人口市区町村(日本人)'!I136</f>
        <v>1147</v>
      </c>
      <c r="T119" s="19">
        <f>'[1]年齢別人口市区町村(外国人)'!I136</f>
        <v>17</v>
      </c>
      <c r="U119" s="19">
        <f>'[1]年齢別人口市区町村(総数)'!I136</f>
        <v>1164</v>
      </c>
      <c r="V119" s="19">
        <f>'[1]年齢別人口市区町村(日本人)'!J136</f>
        <v>911</v>
      </c>
      <c r="W119" s="19">
        <f>'[1]年齢別人口市区町村(外国人)'!J136</f>
        <v>26</v>
      </c>
      <c r="X119" s="19">
        <f>'[1]年齢別人口市区町村(総数)'!J136</f>
        <v>937</v>
      </c>
      <c r="Y119" s="19">
        <f>'[1]年齢別人口市区町村(日本人)'!K136</f>
        <v>910</v>
      </c>
      <c r="Z119" s="19">
        <f>'[1]年齢別人口市区町村(外国人)'!K136</f>
        <v>42</v>
      </c>
      <c r="AA119" s="19">
        <f>'[1]年齢別人口市区町村(総数)'!K136</f>
        <v>952</v>
      </c>
      <c r="AB119" s="19">
        <f>'[1]年齢別人口市区町村(日本人)'!L136</f>
        <v>1128</v>
      </c>
      <c r="AC119" s="19">
        <f>'[1]年齢別人口市区町村(外国人)'!L136</f>
        <v>34</v>
      </c>
      <c r="AD119" s="19">
        <f>'[1]年齢別人口市区町村(総数)'!L136</f>
        <v>1162</v>
      </c>
      <c r="AE119" s="19">
        <f>'[1]年齢別人口市区町村(日本人)'!M136</f>
        <v>1457</v>
      </c>
      <c r="AF119" s="19">
        <f>'[1]年齢別人口市区町村(外国人)'!M136</f>
        <v>48</v>
      </c>
      <c r="AG119" s="19">
        <f>'[1]年齢別人口市区町村(総数)'!M136</f>
        <v>1505</v>
      </c>
      <c r="AH119" s="19">
        <f>'[1]年齢別人口市区町村(日本人)'!N136</f>
        <v>1949</v>
      </c>
      <c r="AI119" s="19">
        <f>'[1]年齢別人口市区町村(外国人)'!N136</f>
        <v>46</v>
      </c>
      <c r="AJ119" s="19">
        <f>'[1]年齢別人口市区町村(総数)'!N136</f>
        <v>1995</v>
      </c>
      <c r="AK119" s="19">
        <f>'[1]年齢別人口市区町村(日本人)'!O136</f>
        <v>2475</v>
      </c>
      <c r="AL119" s="19">
        <f>'[1]年齢別人口市区町村(外国人)'!O136</f>
        <v>34</v>
      </c>
      <c r="AM119" s="19">
        <f>'[1]年齢別人口市区町村(総数)'!O136</f>
        <v>2509</v>
      </c>
      <c r="AN119" s="19">
        <f>'[1]年齢別人口市区町村(日本人)'!P136</f>
        <v>2420</v>
      </c>
      <c r="AO119" s="19">
        <f>'[1]年齢別人口市区町村(外国人)'!P136</f>
        <v>30</v>
      </c>
      <c r="AP119" s="19">
        <f>'[1]年齢別人口市区町村(総数)'!P136</f>
        <v>2450</v>
      </c>
      <c r="AQ119" s="19">
        <f>'[1]年齢別人口市区町村(日本人)'!Q136</f>
        <v>2175</v>
      </c>
      <c r="AR119" s="19">
        <f>'[1]年齢別人口市区町村(外国人)'!Q136</f>
        <v>25</v>
      </c>
      <c r="AS119" s="19">
        <f>'[1]年齢別人口市区町村(総数)'!Q136</f>
        <v>2200</v>
      </c>
      <c r="AT119" s="19">
        <f>'[1]年齢別人口市区町村(日本人)'!R136</f>
        <v>1599</v>
      </c>
      <c r="AU119" s="19">
        <f>'[1]年齢別人口市区町村(外国人)'!R136</f>
        <v>22</v>
      </c>
      <c r="AV119" s="19">
        <f>'[1]年齢別人口市区町村(総数)'!R136</f>
        <v>1621</v>
      </c>
      <c r="AW119" s="19">
        <f>'[1]年齢別人口市区町村(日本人)'!S136</f>
        <v>1461</v>
      </c>
      <c r="AX119" s="19">
        <f>'[1]年齢別人口市区町村(外国人)'!S136</f>
        <v>15</v>
      </c>
      <c r="AY119" s="19">
        <f>'[1]年齢別人口市区町村(総数)'!S136</f>
        <v>1476</v>
      </c>
      <c r="AZ119" s="19">
        <f>'[1]年齢別人口市区町村(日本人)'!T136</f>
        <v>1802</v>
      </c>
      <c r="BA119" s="19">
        <f>'[1]年齢別人口市区町村(外国人)'!T136</f>
        <v>13</v>
      </c>
      <c r="BB119" s="19">
        <f>'[1]年齢別人口市区町村(総数)'!T136</f>
        <v>1815</v>
      </c>
      <c r="BC119" s="19">
        <f>'[1]年齢別人口市区町村(日本人)'!U136</f>
        <v>1352</v>
      </c>
      <c r="BD119" s="19">
        <f>'[1]年齢別人口市区町村(外国人)'!U136</f>
        <v>7</v>
      </c>
      <c r="BE119" s="19">
        <f>'[1]年齢別人口市区町村(総数)'!U136</f>
        <v>1359</v>
      </c>
      <c r="BF119" s="19">
        <f>'[1]年齢別人口市区町村(日本人)'!V136</f>
        <v>871</v>
      </c>
      <c r="BG119" s="19">
        <f>'[1]年齢別人口市区町村(外国人)'!V136</f>
        <v>2</v>
      </c>
      <c r="BH119" s="19">
        <f>'[1]年齢別人口市区町村(総数)'!V136</f>
        <v>873</v>
      </c>
      <c r="BI119" s="19">
        <f>'[1]年齢別人口市区町村(日本人)'!W136</f>
        <v>407</v>
      </c>
      <c r="BJ119" s="19">
        <f>'[1]年齢別人口市区町村(外国人)'!W136</f>
        <v>0</v>
      </c>
      <c r="BK119" s="19">
        <f>'[1]年齢別人口市区町村(総数)'!W136</f>
        <v>407</v>
      </c>
      <c r="BL119" s="19">
        <f>'[1]年齢別人口市区町村(日本人)'!X136</f>
        <v>91</v>
      </c>
      <c r="BM119" s="19">
        <f>'[1]年齢別人口市区町村(外国人)'!X136</f>
        <v>1</v>
      </c>
      <c r="BN119" s="19">
        <f>'[1]年齢別人口市区町村(総数)'!X136</f>
        <v>92</v>
      </c>
      <c r="BO119" s="19">
        <f>'[1]年齢別人口市区町村(日本人)'!Y136</f>
        <v>8</v>
      </c>
      <c r="BP119" s="19">
        <f>'[1]年齢別人口市区町村(外国人)'!Y136</f>
        <v>0</v>
      </c>
      <c r="BQ119" s="60">
        <f>'[1]年齢別人口市区町村(総数)'!Y136</f>
        <v>8</v>
      </c>
    </row>
    <row r="120" spans="1:69" x14ac:dyDescent="0.15">
      <c r="A120" s="20" t="s">
        <v>68</v>
      </c>
      <c r="B120" s="21" t="s">
        <v>31</v>
      </c>
      <c r="C120" s="51"/>
      <c r="D120" s="22">
        <f>'[1]年齢別人口市区町村(日本人)'!D137</f>
        <v>30117</v>
      </c>
      <c r="E120" s="23">
        <f>'[1]年齢別人口市区町村(外国人)'!D137</f>
        <v>301</v>
      </c>
      <c r="F120" s="24">
        <f>'[1]年齢別人口市区町村(総数)'!D137</f>
        <v>30418</v>
      </c>
      <c r="G120" s="23">
        <f>'[1]年齢別人口市区町村(日本人)'!E137</f>
        <v>735</v>
      </c>
      <c r="H120" s="23">
        <f>'[1]年齢別人口市区町村(外国人)'!E137</f>
        <v>2</v>
      </c>
      <c r="I120" s="24">
        <f>'[1]年齢別人口市区町村(総数)'!E137</f>
        <v>737</v>
      </c>
      <c r="J120" s="23">
        <f>'[1]年齢別人口市区町村(日本人)'!F137</f>
        <v>987</v>
      </c>
      <c r="K120" s="23">
        <f>'[1]年齢別人口市区町村(外国人)'!F137</f>
        <v>8</v>
      </c>
      <c r="L120" s="24">
        <f>'[1]年齢別人口市区町村(総数)'!F137</f>
        <v>995</v>
      </c>
      <c r="M120" s="23">
        <f>'[1]年齢別人口市区町村(日本人)'!G137</f>
        <v>1172</v>
      </c>
      <c r="N120" s="23">
        <f>'[1]年齢別人口市区町村(外国人)'!G137</f>
        <v>5</v>
      </c>
      <c r="O120" s="24">
        <f>'[1]年齢別人口市区町村(総数)'!G137</f>
        <v>1177</v>
      </c>
      <c r="P120" s="23">
        <f>'[1]年齢別人口市区町村(日本人)'!H137</f>
        <v>1272</v>
      </c>
      <c r="Q120" s="23">
        <f>'[1]年齢別人口市区町村(外国人)'!H137</f>
        <v>7</v>
      </c>
      <c r="R120" s="24">
        <f>'[1]年齢別人口市区町村(総数)'!H137</f>
        <v>1279</v>
      </c>
      <c r="S120" s="23">
        <f>'[1]年齢別人口市区町村(日本人)'!I137</f>
        <v>1107</v>
      </c>
      <c r="T120" s="23">
        <f>'[1]年齢別人口市区町村(外国人)'!I137</f>
        <v>12</v>
      </c>
      <c r="U120" s="24">
        <f>'[1]年齢別人口市区町村(総数)'!I137</f>
        <v>1119</v>
      </c>
      <c r="V120" s="23">
        <f>'[1]年齢別人口市区町村(日本人)'!J137</f>
        <v>961</v>
      </c>
      <c r="W120" s="23">
        <f>'[1]年齢別人口市区町村(外国人)'!J137</f>
        <v>18</v>
      </c>
      <c r="X120" s="24">
        <f>'[1]年齢別人口市区町村(総数)'!J137</f>
        <v>979</v>
      </c>
      <c r="Y120" s="23">
        <f>'[1]年齢別人口市区町村(日本人)'!K137</f>
        <v>1002</v>
      </c>
      <c r="Z120" s="23">
        <f>'[1]年齢別人口市区町村(外国人)'!K137</f>
        <v>27</v>
      </c>
      <c r="AA120" s="24">
        <f>'[1]年齢別人口市区町村(総数)'!K137</f>
        <v>1029</v>
      </c>
      <c r="AB120" s="23">
        <f>'[1]年齢別人口市区町村(日本人)'!L137</f>
        <v>1322</v>
      </c>
      <c r="AC120" s="23">
        <f>'[1]年齢別人口市区町村(外国人)'!L137</f>
        <v>29</v>
      </c>
      <c r="AD120" s="24">
        <f>'[1]年齢別人口市区町村(総数)'!L137</f>
        <v>1351</v>
      </c>
      <c r="AE120" s="23">
        <f>'[1]年齢別人口市区町村(日本人)'!M137</f>
        <v>1667</v>
      </c>
      <c r="AF120" s="23">
        <f>'[1]年齢別人口市区町村(外国人)'!M137</f>
        <v>34</v>
      </c>
      <c r="AG120" s="24">
        <f>'[1]年齢別人口市区町村(総数)'!M137</f>
        <v>1701</v>
      </c>
      <c r="AH120" s="23">
        <f>'[1]年齢別人口市区町村(日本人)'!N137</f>
        <v>2193</v>
      </c>
      <c r="AI120" s="23">
        <f>'[1]年齢別人口市区町村(外国人)'!N137</f>
        <v>37</v>
      </c>
      <c r="AJ120" s="24">
        <f>'[1]年齢別人口市区町村(総数)'!N137</f>
        <v>2230</v>
      </c>
      <c r="AK120" s="23">
        <f>'[1]年齢別人口市区町村(日本人)'!O137</f>
        <v>2583</v>
      </c>
      <c r="AL120" s="23">
        <f>'[1]年齢別人口市区町村(外国人)'!O137</f>
        <v>25</v>
      </c>
      <c r="AM120" s="24">
        <f>'[1]年齢別人口市区町村(総数)'!O137</f>
        <v>2608</v>
      </c>
      <c r="AN120" s="23">
        <f>'[1]年齢別人口市区町村(日本人)'!P137</f>
        <v>2550</v>
      </c>
      <c r="AO120" s="23">
        <f>'[1]年齢別人口市区町村(外国人)'!P137</f>
        <v>28</v>
      </c>
      <c r="AP120" s="24">
        <f>'[1]年齢別人口市区町村(総数)'!P137</f>
        <v>2578</v>
      </c>
      <c r="AQ120" s="23">
        <f>'[1]年齢別人口市区町村(日本人)'!Q137</f>
        <v>2093</v>
      </c>
      <c r="AR120" s="23">
        <f>'[1]年齢別人口市区町村(外国人)'!Q137</f>
        <v>21</v>
      </c>
      <c r="AS120" s="24">
        <f>'[1]年齢別人口市区町村(総数)'!Q137</f>
        <v>2114</v>
      </c>
      <c r="AT120" s="23">
        <f>'[1]年齢別人口市区町村(日本人)'!R137</f>
        <v>1712</v>
      </c>
      <c r="AU120" s="23">
        <f>'[1]年齢別人口市区町村(外国人)'!R137</f>
        <v>13</v>
      </c>
      <c r="AV120" s="24">
        <f>'[1]年齢別人口市区町村(総数)'!R137</f>
        <v>1725</v>
      </c>
      <c r="AW120" s="23">
        <f>'[1]年齢別人口市区町村(日本人)'!S137</f>
        <v>1685</v>
      </c>
      <c r="AX120" s="23">
        <f>'[1]年齢別人口市区町村(外国人)'!S137</f>
        <v>18</v>
      </c>
      <c r="AY120" s="24">
        <f>'[1]年齢別人口市区町村(総数)'!S137</f>
        <v>1703</v>
      </c>
      <c r="AZ120" s="23">
        <f>'[1]年齢別人口市区町村(日本人)'!T137</f>
        <v>2310</v>
      </c>
      <c r="BA120" s="23">
        <f>'[1]年齢別人口市区町村(外国人)'!T137</f>
        <v>6</v>
      </c>
      <c r="BB120" s="24">
        <f>'[1]年齢別人口市区町村(総数)'!T137</f>
        <v>2316</v>
      </c>
      <c r="BC120" s="23">
        <f>'[1]年齢別人口市区町村(日本人)'!U137</f>
        <v>2045</v>
      </c>
      <c r="BD120" s="23">
        <f>'[1]年齢別人口市区町村(外国人)'!U137</f>
        <v>4</v>
      </c>
      <c r="BE120" s="24">
        <f>'[1]年齢別人口市区町村(総数)'!U137</f>
        <v>2049</v>
      </c>
      <c r="BF120" s="23">
        <f>'[1]年齢別人口市区町村(日本人)'!V137</f>
        <v>1484</v>
      </c>
      <c r="BG120" s="23">
        <f>'[1]年齢別人口市区町村(外国人)'!V137</f>
        <v>5</v>
      </c>
      <c r="BH120" s="24">
        <f>'[1]年齢別人口市区町村(総数)'!V137</f>
        <v>1489</v>
      </c>
      <c r="BI120" s="23">
        <f>'[1]年齢別人口市区町村(日本人)'!W137</f>
        <v>885</v>
      </c>
      <c r="BJ120" s="23">
        <f>'[1]年齢別人口市区町村(外国人)'!W137</f>
        <v>2</v>
      </c>
      <c r="BK120" s="24">
        <f>'[1]年齢別人口市区町村(総数)'!W137</f>
        <v>887</v>
      </c>
      <c r="BL120" s="23">
        <f>'[1]年齢別人口市区町村(日本人)'!X137</f>
        <v>296</v>
      </c>
      <c r="BM120" s="23">
        <f>'[1]年齢別人口市区町村(外国人)'!X137</f>
        <v>0</v>
      </c>
      <c r="BN120" s="24">
        <f>'[1]年齢別人口市区町村(総数)'!X137</f>
        <v>296</v>
      </c>
      <c r="BO120" s="23">
        <f>'[1]年齢別人口市区町村(日本人)'!Y137</f>
        <v>56</v>
      </c>
      <c r="BP120" s="23">
        <f>'[1]年齢別人口市区町村(外国人)'!Y137</f>
        <v>0</v>
      </c>
      <c r="BQ120" s="61">
        <f>'[1]年齢別人口市区町村(総数)'!Y137</f>
        <v>56</v>
      </c>
    </row>
    <row r="121" spans="1:69" ht="15" thickBot="1" x14ac:dyDescent="0.2">
      <c r="A121" s="29"/>
      <c r="B121" s="25" t="s">
        <v>32</v>
      </c>
      <c r="C121" s="52"/>
      <c r="D121" s="26">
        <f>'[1]年齢別人口市区町村(日本人)'!D135</f>
        <v>56639</v>
      </c>
      <c r="E121" s="27">
        <f>'[1]年齢別人口市区町村(外国人)'!D135</f>
        <v>687</v>
      </c>
      <c r="F121" s="28">
        <f>'[1]年齢別人口市区町村(総数)'!D135</f>
        <v>57326</v>
      </c>
      <c r="G121" s="27">
        <f>'[1]年齢別人口市区町村(日本人)'!E135</f>
        <v>1496</v>
      </c>
      <c r="H121" s="27">
        <f>'[1]年齢別人口市区町村(外国人)'!E135</f>
        <v>8</v>
      </c>
      <c r="I121" s="28">
        <f>'[1]年齢別人口市区町村(総数)'!E135</f>
        <v>1504</v>
      </c>
      <c r="J121" s="27">
        <f>'[1]年齢別人口市区町村(日本人)'!F135</f>
        <v>2018</v>
      </c>
      <c r="K121" s="27">
        <f>'[1]年齢別人口市区町村(外国人)'!F135</f>
        <v>12</v>
      </c>
      <c r="L121" s="28">
        <f>'[1]年齢別人口市区町村(総数)'!F135</f>
        <v>2030</v>
      </c>
      <c r="M121" s="27">
        <f>'[1]年齢別人口市区町村(日本人)'!G135</f>
        <v>2503</v>
      </c>
      <c r="N121" s="27">
        <f>'[1]年齢別人口市区町村(外国人)'!G135</f>
        <v>11</v>
      </c>
      <c r="O121" s="28">
        <f>'[1]年齢別人口市区町村(総数)'!G135</f>
        <v>2514</v>
      </c>
      <c r="P121" s="27">
        <f>'[1]年齢別人口市区町村(日本人)'!H135</f>
        <v>2508</v>
      </c>
      <c r="Q121" s="27">
        <f>'[1]年齢別人口市区町村(外国人)'!H135</f>
        <v>15</v>
      </c>
      <c r="R121" s="28">
        <f>'[1]年齢別人口市区町村(総数)'!H135</f>
        <v>2523</v>
      </c>
      <c r="S121" s="27">
        <f>'[1]年齢別人口市区町村(日本人)'!I135</f>
        <v>2254</v>
      </c>
      <c r="T121" s="27">
        <f>'[1]年齢別人口市区町村(外国人)'!I135</f>
        <v>29</v>
      </c>
      <c r="U121" s="28">
        <f>'[1]年齢別人口市区町村(総数)'!I135</f>
        <v>2283</v>
      </c>
      <c r="V121" s="27">
        <f>'[1]年齢別人口市区町村(日本人)'!J135</f>
        <v>1872</v>
      </c>
      <c r="W121" s="27">
        <f>'[1]年齢別人口市区町村(外国人)'!J135</f>
        <v>44</v>
      </c>
      <c r="X121" s="28">
        <f>'[1]年齢別人口市区町村(総数)'!J135</f>
        <v>1916</v>
      </c>
      <c r="Y121" s="27">
        <f>'[1]年齢別人口市区町村(日本人)'!K135</f>
        <v>1912</v>
      </c>
      <c r="Z121" s="27">
        <f>'[1]年齢別人口市区町村(外国人)'!K135</f>
        <v>69</v>
      </c>
      <c r="AA121" s="28">
        <f>'[1]年齢別人口市区町村(総数)'!K135</f>
        <v>1981</v>
      </c>
      <c r="AB121" s="27">
        <f>'[1]年齢別人口市区町村(日本人)'!L135</f>
        <v>2450</v>
      </c>
      <c r="AC121" s="27">
        <f>'[1]年齢別人口市区町村(外国人)'!L135</f>
        <v>63</v>
      </c>
      <c r="AD121" s="28">
        <f>'[1]年齢別人口市区町村(総数)'!L135</f>
        <v>2513</v>
      </c>
      <c r="AE121" s="27">
        <f>'[1]年齢別人口市区町村(日本人)'!M135</f>
        <v>3124</v>
      </c>
      <c r="AF121" s="27">
        <f>'[1]年齢別人口市区町村(外国人)'!M135</f>
        <v>82</v>
      </c>
      <c r="AG121" s="28">
        <f>'[1]年齢別人口市区町村(総数)'!M135</f>
        <v>3206</v>
      </c>
      <c r="AH121" s="27">
        <f>'[1]年齢別人口市区町村(日本人)'!N135</f>
        <v>4142</v>
      </c>
      <c r="AI121" s="27">
        <f>'[1]年齢別人口市区町村(外国人)'!N135</f>
        <v>83</v>
      </c>
      <c r="AJ121" s="28">
        <f>'[1]年齢別人口市区町村(総数)'!N135</f>
        <v>4225</v>
      </c>
      <c r="AK121" s="27">
        <f>'[1]年齢別人口市区町村(日本人)'!O135</f>
        <v>5058</v>
      </c>
      <c r="AL121" s="27">
        <f>'[1]年齢別人口市区町村(外国人)'!O135</f>
        <v>59</v>
      </c>
      <c r="AM121" s="28">
        <f>'[1]年齢別人口市区町村(総数)'!O135</f>
        <v>5117</v>
      </c>
      <c r="AN121" s="27">
        <f>'[1]年齢別人口市区町村(日本人)'!P135</f>
        <v>4970</v>
      </c>
      <c r="AO121" s="27">
        <f>'[1]年齢別人口市区町村(外国人)'!P135</f>
        <v>58</v>
      </c>
      <c r="AP121" s="28">
        <f>'[1]年齢別人口市区町村(総数)'!P135</f>
        <v>5028</v>
      </c>
      <c r="AQ121" s="27">
        <f>'[1]年齢別人口市区町村(日本人)'!Q135</f>
        <v>4268</v>
      </c>
      <c r="AR121" s="27">
        <f>'[1]年齢別人口市区町村(外国人)'!Q135</f>
        <v>46</v>
      </c>
      <c r="AS121" s="28">
        <f>'[1]年齢別人口市区町村(総数)'!Q135</f>
        <v>4314</v>
      </c>
      <c r="AT121" s="27">
        <f>'[1]年齢別人口市区町村(日本人)'!R135</f>
        <v>3311</v>
      </c>
      <c r="AU121" s="27">
        <f>'[1]年齢別人口市区町村(外国人)'!R135</f>
        <v>35</v>
      </c>
      <c r="AV121" s="28">
        <f>'[1]年齢別人口市区町村(総数)'!R135</f>
        <v>3346</v>
      </c>
      <c r="AW121" s="27">
        <f>'[1]年齢別人口市区町村(日本人)'!S135</f>
        <v>3146</v>
      </c>
      <c r="AX121" s="27">
        <f>'[1]年齢別人口市区町村(外国人)'!S135</f>
        <v>33</v>
      </c>
      <c r="AY121" s="28">
        <f>'[1]年齢別人口市区町村(総数)'!S135</f>
        <v>3179</v>
      </c>
      <c r="AZ121" s="27">
        <f>'[1]年齢別人口市区町村(日本人)'!T135</f>
        <v>4112</v>
      </c>
      <c r="BA121" s="27">
        <f>'[1]年齢別人口市区町村(外国人)'!T135</f>
        <v>19</v>
      </c>
      <c r="BB121" s="28">
        <f>'[1]年齢別人口市区町村(総数)'!T135</f>
        <v>4131</v>
      </c>
      <c r="BC121" s="27">
        <f>'[1]年齢別人口市区町村(日本人)'!U135</f>
        <v>3397</v>
      </c>
      <c r="BD121" s="27">
        <f>'[1]年齢別人口市区町村(外国人)'!U135</f>
        <v>11</v>
      </c>
      <c r="BE121" s="28">
        <f>'[1]年齢別人口市区町村(総数)'!U135</f>
        <v>3408</v>
      </c>
      <c r="BF121" s="27">
        <f>'[1]年齢別人口市区町村(日本人)'!V135</f>
        <v>2355</v>
      </c>
      <c r="BG121" s="27">
        <f>'[1]年齢別人口市区町村(外国人)'!V135</f>
        <v>7</v>
      </c>
      <c r="BH121" s="28">
        <f>'[1]年齢別人口市区町村(総数)'!V135</f>
        <v>2362</v>
      </c>
      <c r="BI121" s="27">
        <f>'[1]年齢別人口市区町村(日本人)'!W135</f>
        <v>1292</v>
      </c>
      <c r="BJ121" s="27">
        <f>'[1]年齢別人口市区町村(外国人)'!W135</f>
        <v>2</v>
      </c>
      <c r="BK121" s="28">
        <f>'[1]年齢別人口市区町村(総数)'!W135</f>
        <v>1294</v>
      </c>
      <c r="BL121" s="27">
        <f>'[1]年齢別人口市区町村(日本人)'!X135</f>
        <v>387</v>
      </c>
      <c r="BM121" s="27">
        <f>'[1]年齢別人口市区町村(外国人)'!X135</f>
        <v>1</v>
      </c>
      <c r="BN121" s="28">
        <f>'[1]年齢別人口市区町村(総数)'!X135</f>
        <v>388</v>
      </c>
      <c r="BO121" s="27">
        <f>'[1]年齢別人口市区町村(日本人)'!Y135</f>
        <v>64</v>
      </c>
      <c r="BP121" s="27">
        <f>'[1]年齢別人口市区町村(外国人)'!Y135</f>
        <v>0</v>
      </c>
      <c r="BQ121" s="62">
        <f>'[1]年齢別人口市区町村(総数)'!Y135</f>
        <v>64</v>
      </c>
    </row>
    <row r="122" spans="1:69" x14ac:dyDescent="0.15">
      <c r="A122" s="20"/>
      <c r="B122" s="17" t="s">
        <v>29</v>
      </c>
      <c r="C122" s="45">
        <v>142107</v>
      </c>
      <c r="D122" s="18">
        <f>'[1]年齢別人口市区町村(日本人)'!D139</f>
        <v>18709</v>
      </c>
      <c r="E122" s="19">
        <f>'[1]年齢別人口市区町村(外国人)'!D139</f>
        <v>379</v>
      </c>
      <c r="F122" s="19">
        <f>'[1]年齢別人口市区町村(総数)'!D139</f>
        <v>19088</v>
      </c>
      <c r="G122" s="19">
        <f>'[1]年齢別人口市区町村(日本人)'!E139</f>
        <v>394</v>
      </c>
      <c r="H122" s="19">
        <f>'[1]年齢別人口市区町村(外国人)'!E139</f>
        <v>1</v>
      </c>
      <c r="I122" s="19">
        <f>'[1]年齢別人口市区町村(総数)'!E139</f>
        <v>395</v>
      </c>
      <c r="J122" s="19">
        <f>'[1]年齢別人口市区町村(日本人)'!F139</f>
        <v>522</v>
      </c>
      <c r="K122" s="19">
        <f>'[1]年齢別人口市区町村(外国人)'!F139</f>
        <v>1</v>
      </c>
      <c r="L122" s="19">
        <f>'[1]年齢別人口市区町村(総数)'!F139</f>
        <v>523</v>
      </c>
      <c r="M122" s="19">
        <f>'[1]年齢別人口市区町村(日本人)'!G139</f>
        <v>600</v>
      </c>
      <c r="N122" s="19">
        <f>'[1]年齢別人口市区町村(外国人)'!G139</f>
        <v>2</v>
      </c>
      <c r="O122" s="19">
        <f>'[1]年齢別人口市区町村(総数)'!G139</f>
        <v>602</v>
      </c>
      <c r="P122" s="19">
        <f>'[1]年齢別人口市区町村(日本人)'!H139</f>
        <v>707</v>
      </c>
      <c r="Q122" s="19">
        <f>'[1]年齢別人口市区町村(外国人)'!H139</f>
        <v>9</v>
      </c>
      <c r="R122" s="19">
        <f>'[1]年齢別人口市区町村(総数)'!H139</f>
        <v>716</v>
      </c>
      <c r="S122" s="19">
        <f>'[1]年齢別人口市区町村(日本人)'!I139</f>
        <v>747</v>
      </c>
      <c r="T122" s="19">
        <f>'[1]年齢別人口市区町村(外国人)'!I139</f>
        <v>106</v>
      </c>
      <c r="U122" s="19">
        <f>'[1]年齢別人口市区町村(総数)'!I139</f>
        <v>853</v>
      </c>
      <c r="V122" s="19">
        <f>'[1]年齢別人口市区町村(日本人)'!J139</f>
        <v>619</v>
      </c>
      <c r="W122" s="19">
        <f>'[1]年齢別人口市区町村(外国人)'!J139</f>
        <v>106</v>
      </c>
      <c r="X122" s="19">
        <f>'[1]年齢別人口市区町村(総数)'!J139</f>
        <v>725</v>
      </c>
      <c r="Y122" s="19">
        <f>'[1]年齢別人口市区町村(日本人)'!K139</f>
        <v>630</v>
      </c>
      <c r="Z122" s="19">
        <f>'[1]年齢別人口市区町村(外国人)'!K139</f>
        <v>63</v>
      </c>
      <c r="AA122" s="19">
        <f>'[1]年齢別人口市区町村(総数)'!K139</f>
        <v>693</v>
      </c>
      <c r="AB122" s="19">
        <f>'[1]年齢別人口市区町村(日本人)'!L139</f>
        <v>763</v>
      </c>
      <c r="AC122" s="19">
        <f>'[1]年齢別人口市区町村(外国人)'!L139</f>
        <v>20</v>
      </c>
      <c r="AD122" s="19">
        <f>'[1]年齢別人口市区町村(総数)'!L139</f>
        <v>783</v>
      </c>
      <c r="AE122" s="19">
        <f>'[1]年齢別人口市区町村(日本人)'!M139</f>
        <v>918</v>
      </c>
      <c r="AF122" s="19">
        <f>'[1]年齢別人口市区町村(外国人)'!M139</f>
        <v>12</v>
      </c>
      <c r="AG122" s="19">
        <f>'[1]年齢別人口市区町村(総数)'!M139</f>
        <v>930</v>
      </c>
      <c r="AH122" s="19">
        <f>'[1]年齢別人口市区町村(日本人)'!N139</f>
        <v>1156</v>
      </c>
      <c r="AI122" s="19">
        <f>'[1]年齢別人口市区町村(外国人)'!N139</f>
        <v>13</v>
      </c>
      <c r="AJ122" s="19">
        <f>'[1]年齢別人口市区町村(総数)'!N139</f>
        <v>1169</v>
      </c>
      <c r="AK122" s="19">
        <f>'[1]年齢別人口市区町村(日本人)'!O139</f>
        <v>1521</v>
      </c>
      <c r="AL122" s="19">
        <f>'[1]年齢別人口市区町村(外国人)'!O139</f>
        <v>8</v>
      </c>
      <c r="AM122" s="19">
        <f>'[1]年齢別人口市区町村(総数)'!O139</f>
        <v>1529</v>
      </c>
      <c r="AN122" s="19">
        <f>'[1]年齢別人口市区町村(日本人)'!P139</f>
        <v>1564</v>
      </c>
      <c r="AO122" s="19">
        <f>'[1]年齢別人口市区町村(外国人)'!P139</f>
        <v>7</v>
      </c>
      <c r="AP122" s="19">
        <f>'[1]年齢別人口市区町村(総数)'!P139</f>
        <v>1571</v>
      </c>
      <c r="AQ122" s="19">
        <f>'[1]年齢別人口市区町村(日本人)'!Q139</f>
        <v>1495</v>
      </c>
      <c r="AR122" s="19">
        <f>'[1]年齢別人口市区町村(外国人)'!Q139</f>
        <v>6</v>
      </c>
      <c r="AS122" s="19">
        <f>'[1]年齢別人口市区町村(総数)'!Q139</f>
        <v>1501</v>
      </c>
      <c r="AT122" s="19">
        <f>'[1]年齢別人口市区町村(日本人)'!R139</f>
        <v>1376</v>
      </c>
      <c r="AU122" s="19">
        <f>'[1]年齢別人口市区町村(外国人)'!R139</f>
        <v>10</v>
      </c>
      <c r="AV122" s="19">
        <f>'[1]年齢別人口市区町村(総数)'!R139</f>
        <v>1386</v>
      </c>
      <c r="AW122" s="19">
        <f>'[1]年齢別人口市区町村(日本人)'!S139</f>
        <v>1649</v>
      </c>
      <c r="AX122" s="19">
        <f>'[1]年齢別人口市区町村(外国人)'!S139</f>
        <v>9</v>
      </c>
      <c r="AY122" s="19">
        <f>'[1]年齢別人口市区町村(総数)'!S139</f>
        <v>1658</v>
      </c>
      <c r="AZ122" s="19">
        <f>'[1]年齢別人口市区町村(日本人)'!T139</f>
        <v>1873</v>
      </c>
      <c r="BA122" s="19">
        <f>'[1]年齢別人口市区町村(外国人)'!T139</f>
        <v>4</v>
      </c>
      <c r="BB122" s="19">
        <f>'[1]年齢別人口市区町村(総数)'!T139</f>
        <v>1877</v>
      </c>
      <c r="BC122" s="19">
        <f>'[1]年齢別人口市区町村(日本人)'!U139</f>
        <v>1162</v>
      </c>
      <c r="BD122" s="19">
        <f>'[1]年齢別人口市区町村(外国人)'!U139</f>
        <v>1</v>
      </c>
      <c r="BE122" s="19">
        <f>'[1]年齢別人口市区町村(総数)'!U139</f>
        <v>1163</v>
      </c>
      <c r="BF122" s="19">
        <f>'[1]年齢別人口市区町村(日本人)'!V139</f>
        <v>663</v>
      </c>
      <c r="BG122" s="19">
        <f>'[1]年齢別人口市区町村(外国人)'!V139</f>
        <v>1</v>
      </c>
      <c r="BH122" s="19">
        <f>'[1]年齢別人口市区町村(総数)'!V139</f>
        <v>664</v>
      </c>
      <c r="BI122" s="19">
        <f>'[1]年齢別人口市区町村(日本人)'!W139</f>
        <v>282</v>
      </c>
      <c r="BJ122" s="19">
        <f>'[1]年齢別人口市区町村(外国人)'!W139</f>
        <v>0</v>
      </c>
      <c r="BK122" s="19">
        <f>'[1]年齢別人口市区町村(総数)'!W139</f>
        <v>282</v>
      </c>
      <c r="BL122" s="19">
        <f>'[1]年齢別人口市区町村(日本人)'!X139</f>
        <v>64</v>
      </c>
      <c r="BM122" s="19">
        <f>'[1]年齢別人口市区町村(外国人)'!X139</f>
        <v>0</v>
      </c>
      <c r="BN122" s="19">
        <f>'[1]年齢別人口市区町村(総数)'!X139</f>
        <v>64</v>
      </c>
      <c r="BO122" s="19">
        <f>'[1]年齢別人口市区町村(日本人)'!Y139</f>
        <v>4</v>
      </c>
      <c r="BP122" s="19">
        <f>'[1]年齢別人口市区町村(外国人)'!Y139</f>
        <v>0</v>
      </c>
      <c r="BQ122" s="60">
        <f>'[1]年齢別人口市区町村(総数)'!Y139</f>
        <v>4</v>
      </c>
    </row>
    <row r="123" spans="1:69" x14ac:dyDescent="0.15">
      <c r="A123" s="20" t="s">
        <v>69</v>
      </c>
      <c r="B123" s="21" t="s">
        <v>31</v>
      </c>
      <c r="C123" s="46"/>
      <c r="D123" s="22">
        <f>'[1]年齢別人口市区町村(日本人)'!D140</f>
        <v>19943</v>
      </c>
      <c r="E123" s="23">
        <f>'[1]年齢別人口市区町村(外国人)'!D140</f>
        <v>280</v>
      </c>
      <c r="F123" s="24">
        <f>'[1]年齢別人口市区町村(総数)'!D140</f>
        <v>20223</v>
      </c>
      <c r="G123" s="23">
        <f>'[1]年齢別人口市区町村(日本人)'!E140</f>
        <v>290</v>
      </c>
      <c r="H123" s="23">
        <f>'[1]年齢別人口市区町村(外国人)'!E140</f>
        <v>0</v>
      </c>
      <c r="I123" s="24">
        <f>'[1]年齢別人口市区町村(総数)'!E140</f>
        <v>290</v>
      </c>
      <c r="J123" s="23">
        <f>'[1]年齢別人口市区町村(日本人)'!F140</f>
        <v>479</v>
      </c>
      <c r="K123" s="23">
        <f>'[1]年齢別人口市区町村(外国人)'!F140</f>
        <v>0</v>
      </c>
      <c r="L123" s="24">
        <f>'[1]年齢別人口市区町村(総数)'!F140</f>
        <v>479</v>
      </c>
      <c r="M123" s="23">
        <f>'[1]年齢別人口市区町村(日本人)'!G140</f>
        <v>547</v>
      </c>
      <c r="N123" s="23">
        <f>'[1]年齢別人口市区町村(外国人)'!G140</f>
        <v>0</v>
      </c>
      <c r="O123" s="24">
        <f>'[1]年齢別人口市区町村(総数)'!G140</f>
        <v>547</v>
      </c>
      <c r="P123" s="23">
        <f>'[1]年齢別人口市区町村(日本人)'!H140</f>
        <v>705</v>
      </c>
      <c r="Q123" s="23">
        <f>'[1]年齢別人口市区町村(外国人)'!H140</f>
        <v>3</v>
      </c>
      <c r="R123" s="24">
        <f>'[1]年齢別人口市区町村(総数)'!H140</f>
        <v>708</v>
      </c>
      <c r="S123" s="23">
        <f>'[1]年齢別人口市区町村(日本人)'!I140</f>
        <v>679</v>
      </c>
      <c r="T123" s="23">
        <f>'[1]年齢別人口市区町村(外国人)'!I140</f>
        <v>71</v>
      </c>
      <c r="U123" s="24">
        <f>'[1]年齢別人口市区町村(総数)'!I140</f>
        <v>750</v>
      </c>
      <c r="V123" s="23">
        <f>'[1]年齢別人口市区町村(日本人)'!J140</f>
        <v>561</v>
      </c>
      <c r="W123" s="23">
        <f>'[1]年齢別人口市区町村(外国人)'!J140</f>
        <v>51</v>
      </c>
      <c r="X123" s="24">
        <f>'[1]年齢別人口市区町村(総数)'!J140</f>
        <v>612</v>
      </c>
      <c r="Y123" s="23">
        <f>'[1]年齢別人口市区町村(日本人)'!K140</f>
        <v>612</v>
      </c>
      <c r="Z123" s="23">
        <f>'[1]年齢別人口市区町村(外国人)'!K140</f>
        <v>35</v>
      </c>
      <c r="AA123" s="24">
        <f>'[1]年齢別人口市区町村(総数)'!K140</f>
        <v>647</v>
      </c>
      <c r="AB123" s="23">
        <f>'[1]年齢別人口市区町村(日本人)'!L140</f>
        <v>726</v>
      </c>
      <c r="AC123" s="23">
        <f>'[1]年齢別人口市区町村(外国人)'!L140</f>
        <v>11</v>
      </c>
      <c r="AD123" s="24">
        <f>'[1]年齢別人口市区町村(総数)'!L140</f>
        <v>737</v>
      </c>
      <c r="AE123" s="23">
        <f>'[1]年齢別人口市区町村(日本人)'!M140</f>
        <v>876</v>
      </c>
      <c r="AF123" s="23">
        <f>'[1]年齢別人口市区町村(外国人)'!M140</f>
        <v>14</v>
      </c>
      <c r="AG123" s="24">
        <f>'[1]年齢別人口市区町村(総数)'!M140</f>
        <v>890</v>
      </c>
      <c r="AH123" s="23">
        <f>'[1]年齢別人口市区町村(日本人)'!N140</f>
        <v>1088</v>
      </c>
      <c r="AI123" s="23">
        <f>'[1]年齢別人口市区町村(外国人)'!N140</f>
        <v>22</v>
      </c>
      <c r="AJ123" s="24">
        <f>'[1]年齢別人口市区町村(総数)'!N140</f>
        <v>1110</v>
      </c>
      <c r="AK123" s="23">
        <f>'[1]年齢別人口市区町村(日本人)'!O140</f>
        <v>1462</v>
      </c>
      <c r="AL123" s="23">
        <f>'[1]年齢別人口市区町村(外国人)'!O140</f>
        <v>16</v>
      </c>
      <c r="AM123" s="24">
        <f>'[1]年齢別人口市区町村(総数)'!O140</f>
        <v>1478</v>
      </c>
      <c r="AN123" s="23">
        <f>'[1]年齢別人口市区町村(日本人)'!P140</f>
        <v>1421</v>
      </c>
      <c r="AO123" s="23">
        <f>'[1]年齢別人口市区町村(外国人)'!P140</f>
        <v>17</v>
      </c>
      <c r="AP123" s="24">
        <f>'[1]年齢別人口市区町村(総数)'!P140</f>
        <v>1438</v>
      </c>
      <c r="AQ123" s="23">
        <f>'[1]年齢別人口市区町村(日本人)'!Q140</f>
        <v>1405</v>
      </c>
      <c r="AR123" s="23">
        <f>'[1]年齢別人口市区町村(外国人)'!Q140</f>
        <v>16</v>
      </c>
      <c r="AS123" s="24">
        <f>'[1]年齢別人口市区町村(総数)'!Q140</f>
        <v>1421</v>
      </c>
      <c r="AT123" s="23">
        <f>'[1]年齢別人口市区町村(日本人)'!R140</f>
        <v>1343</v>
      </c>
      <c r="AU123" s="23">
        <f>'[1]年齢別人口市区町村(外国人)'!R140</f>
        <v>9</v>
      </c>
      <c r="AV123" s="24">
        <f>'[1]年齢別人口市区町村(総数)'!R140</f>
        <v>1352</v>
      </c>
      <c r="AW123" s="23">
        <f>'[1]年齢別人口市区町村(日本人)'!S140</f>
        <v>1820</v>
      </c>
      <c r="AX123" s="23">
        <f>'[1]年齢別人口市区町村(外国人)'!S140</f>
        <v>7</v>
      </c>
      <c r="AY123" s="24">
        <f>'[1]年齢別人口市区町村(総数)'!S140</f>
        <v>1827</v>
      </c>
      <c r="AZ123" s="23">
        <f>'[1]年齢別人口市区町村(日本人)'!T140</f>
        <v>2115</v>
      </c>
      <c r="BA123" s="23">
        <f>'[1]年齢別人口市区町村(外国人)'!T140</f>
        <v>4</v>
      </c>
      <c r="BB123" s="24">
        <f>'[1]年齢別人口市区町村(総数)'!T140</f>
        <v>2119</v>
      </c>
      <c r="BC123" s="23">
        <f>'[1]年齢別人口市区町村(日本人)'!U140</f>
        <v>1642</v>
      </c>
      <c r="BD123" s="23">
        <f>'[1]年齢別人口市区町村(外国人)'!U140</f>
        <v>1</v>
      </c>
      <c r="BE123" s="24">
        <f>'[1]年齢別人口市区町村(総数)'!U140</f>
        <v>1643</v>
      </c>
      <c r="BF123" s="23">
        <f>'[1]年齢別人口市区町村(日本人)'!V140</f>
        <v>1207</v>
      </c>
      <c r="BG123" s="23">
        <f>'[1]年齢別人口市区町村(外国人)'!V140</f>
        <v>3</v>
      </c>
      <c r="BH123" s="24">
        <f>'[1]年齢別人口市区町村(総数)'!V140</f>
        <v>1210</v>
      </c>
      <c r="BI123" s="23">
        <f>'[1]年齢別人口市区町村(日本人)'!W140</f>
        <v>687</v>
      </c>
      <c r="BJ123" s="23">
        <f>'[1]年齢別人口市区町村(外国人)'!W140</f>
        <v>0</v>
      </c>
      <c r="BK123" s="24">
        <f>'[1]年齢別人口市区町村(総数)'!W140</f>
        <v>687</v>
      </c>
      <c r="BL123" s="23">
        <f>'[1]年齢別人口市区町村(日本人)'!X140</f>
        <v>246</v>
      </c>
      <c r="BM123" s="23">
        <f>'[1]年齢別人口市区町村(外国人)'!X140</f>
        <v>0</v>
      </c>
      <c r="BN123" s="24">
        <f>'[1]年齢別人口市区町村(総数)'!X140</f>
        <v>246</v>
      </c>
      <c r="BO123" s="23">
        <f>'[1]年齢別人口市区町村(日本人)'!Y140</f>
        <v>32</v>
      </c>
      <c r="BP123" s="23">
        <f>'[1]年齢別人口市区町村(外国人)'!Y140</f>
        <v>0</v>
      </c>
      <c r="BQ123" s="61">
        <f>'[1]年齢別人口市区町村(総数)'!Y140</f>
        <v>32</v>
      </c>
    </row>
    <row r="124" spans="1:69" ht="15" thickBot="1" x14ac:dyDescent="0.2">
      <c r="A124" s="29"/>
      <c r="B124" s="25" t="s">
        <v>32</v>
      </c>
      <c r="C124" s="47"/>
      <c r="D124" s="26">
        <f>'[1]年齢別人口市区町村(日本人)'!D138</f>
        <v>38652</v>
      </c>
      <c r="E124" s="27">
        <f>'[1]年齢別人口市区町村(外国人)'!D138</f>
        <v>659</v>
      </c>
      <c r="F124" s="28">
        <f>'[1]年齢別人口市区町村(総数)'!D138</f>
        <v>39311</v>
      </c>
      <c r="G124" s="27">
        <f>'[1]年齢別人口市区町村(日本人)'!E138</f>
        <v>684</v>
      </c>
      <c r="H124" s="27">
        <f>'[1]年齢別人口市区町村(外国人)'!E138</f>
        <v>1</v>
      </c>
      <c r="I124" s="28">
        <f>'[1]年齢別人口市区町村(総数)'!E138</f>
        <v>685</v>
      </c>
      <c r="J124" s="27">
        <f>'[1]年齢別人口市区町村(日本人)'!F138</f>
        <v>1001</v>
      </c>
      <c r="K124" s="27">
        <f>'[1]年齢別人口市区町村(外国人)'!F138</f>
        <v>1</v>
      </c>
      <c r="L124" s="28">
        <f>'[1]年齢別人口市区町村(総数)'!F138</f>
        <v>1002</v>
      </c>
      <c r="M124" s="27">
        <f>'[1]年齢別人口市区町村(日本人)'!G138</f>
        <v>1147</v>
      </c>
      <c r="N124" s="27">
        <f>'[1]年齢別人口市区町村(外国人)'!G138</f>
        <v>2</v>
      </c>
      <c r="O124" s="28">
        <f>'[1]年齢別人口市区町村(総数)'!G138</f>
        <v>1149</v>
      </c>
      <c r="P124" s="27">
        <f>'[1]年齢別人口市区町村(日本人)'!H138</f>
        <v>1412</v>
      </c>
      <c r="Q124" s="27">
        <f>'[1]年齢別人口市区町村(外国人)'!H138</f>
        <v>12</v>
      </c>
      <c r="R124" s="28">
        <f>'[1]年齢別人口市区町村(総数)'!H138</f>
        <v>1424</v>
      </c>
      <c r="S124" s="27">
        <f>'[1]年齢別人口市区町村(日本人)'!I138</f>
        <v>1426</v>
      </c>
      <c r="T124" s="27">
        <f>'[1]年齢別人口市区町村(外国人)'!I138</f>
        <v>177</v>
      </c>
      <c r="U124" s="28">
        <f>'[1]年齢別人口市区町村(総数)'!I138</f>
        <v>1603</v>
      </c>
      <c r="V124" s="27">
        <f>'[1]年齢別人口市区町村(日本人)'!J138</f>
        <v>1180</v>
      </c>
      <c r="W124" s="27">
        <f>'[1]年齢別人口市区町村(外国人)'!J138</f>
        <v>157</v>
      </c>
      <c r="X124" s="28">
        <f>'[1]年齢別人口市区町村(総数)'!J138</f>
        <v>1337</v>
      </c>
      <c r="Y124" s="27">
        <f>'[1]年齢別人口市区町村(日本人)'!K138</f>
        <v>1242</v>
      </c>
      <c r="Z124" s="27">
        <f>'[1]年齢別人口市区町村(外国人)'!K138</f>
        <v>98</v>
      </c>
      <c r="AA124" s="28">
        <f>'[1]年齢別人口市区町村(総数)'!K138</f>
        <v>1340</v>
      </c>
      <c r="AB124" s="27">
        <f>'[1]年齢別人口市区町村(日本人)'!L138</f>
        <v>1489</v>
      </c>
      <c r="AC124" s="27">
        <f>'[1]年齢別人口市区町村(外国人)'!L138</f>
        <v>31</v>
      </c>
      <c r="AD124" s="28">
        <f>'[1]年齢別人口市区町村(総数)'!L138</f>
        <v>1520</v>
      </c>
      <c r="AE124" s="27">
        <f>'[1]年齢別人口市区町村(日本人)'!M138</f>
        <v>1794</v>
      </c>
      <c r="AF124" s="27">
        <f>'[1]年齢別人口市区町村(外国人)'!M138</f>
        <v>26</v>
      </c>
      <c r="AG124" s="28">
        <f>'[1]年齢別人口市区町村(総数)'!M138</f>
        <v>1820</v>
      </c>
      <c r="AH124" s="27">
        <f>'[1]年齢別人口市区町村(日本人)'!N138</f>
        <v>2244</v>
      </c>
      <c r="AI124" s="27">
        <f>'[1]年齢別人口市区町村(外国人)'!N138</f>
        <v>35</v>
      </c>
      <c r="AJ124" s="28">
        <f>'[1]年齢別人口市区町村(総数)'!N138</f>
        <v>2279</v>
      </c>
      <c r="AK124" s="27">
        <f>'[1]年齢別人口市区町村(日本人)'!O138</f>
        <v>2983</v>
      </c>
      <c r="AL124" s="27">
        <f>'[1]年齢別人口市区町村(外国人)'!O138</f>
        <v>24</v>
      </c>
      <c r="AM124" s="28">
        <f>'[1]年齢別人口市区町村(総数)'!O138</f>
        <v>3007</v>
      </c>
      <c r="AN124" s="27">
        <f>'[1]年齢別人口市区町村(日本人)'!P138</f>
        <v>2985</v>
      </c>
      <c r="AO124" s="27">
        <f>'[1]年齢別人口市区町村(外国人)'!P138</f>
        <v>24</v>
      </c>
      <c r="AP124" s="28">
        <f>'[1]年齢別人口市区町村(総数)'!P138</f>
        <v>3009</v>
      </c>
      <c r="AQ124" s="27">
        <f>'[1]年齢別人口市区町村(日本人)'!Q138</f>
        <v>2900</v>
      </c>
      <c r="AR124" s="27">
        <f>'[1]年齢別人口市区町村(外国人)'!Q138</f>
        <v>22</v>
      </c>
      <c r="AS124" s="28">
        <f>'[1]年齢別人口市区町村(総数)'!Q138</f>
        <v>2922</v>
      </c>
      <c r="AT124" s="27">
        <f>'[1]年齢別人口市区町村(日本人)'!R138</f>
        <v>2719</v>
      </c>
      <c r="AU124" s="27">
        <f>'[1]年齢別人口市区町村(外国人)'!R138</f>
        <v>19</v>
      </c>
      <c r="AV124" s="28">
        <f>'[1]年齢別人口市区町村(総数)'!R138</f>
        <v>2738</v>
      </c>
      <c r="AW124" s="27">
        <f>'[1]年齢別人口市区町村(日本人)'!S138</f>
        <v>3469</v>
      </c>
      <c r="AX124" s="27">
        <f>'[1]年齢別人口市区町村(外国人)'!S138</f>
        <v>16</v>
      </c>
      <c r="AY124" s="28">
        <f>'[1]年齢別人口市区町村(総数)'!S138</f>
        <v>3485</v>
      </c>
      <c r="AZ124" s="27">
        <f>'[1]年齢別人口市区町村(日本人)'!T138</f>
        <v>3988</v>
      </c>
      <c r="BA124" s="27">
        <f>'[1]年齢別人口市区町村(外国人)'!T138</f>
        <v>8</v>
      </c>
      <c r="BB124" s="28">
        <f>'[1]年齢別人口市区町村(総数)'!T138</f>
        <v>3996</v>
      </c>
      <c r="BC124" s="27">
        <f>'[1]年齢別人口市区町村(日本人)'!U138</f>
        <v>2804</v>
      </c>
      <c r="BD124" s="27">
        <f>'[1]年齢別人口市区町村(外国人)'!U138</f>
        <v>2</v>
      </c>
      <c r="BE124" s="28">
        <f>'[1]年齢別人口市区町村(総数)'!U138</f>
        <v>2806</v>
      </c>
      <c r="BF124" s="27">
        <f>'[1]年齢別人口市区町村(日本人)'!V138</f>
        <v>1870</v>
      </c>
      <c r="BG124" s="27">
        <f>'[1]年齢別人口市区町村(外国人)'!V138</f>
        <v>4</v>
      </c>
      <c r="BH124" s="28">
        <f>'[1]年齢別人口市区町村(総数)'!V138</f>
        <v>1874</v>
      </c>
      <c r="BI124" s="27">
        <f>'[1]年齢別人口市区町村(日本人)'!W138</f>
        <v>969</v>
      </c>
      <c r="BJ124" s="27">
        <f>'[1]年齢別人口市区町村(外国人)'!W138</f>
        <v>0</v>
      </c>
      <c r="BK124" s="28">
        <f>'[1]年齢別人口市区町村(総数)'!W138</f>
        <v>969</v>
      </c>
      <c r="BL124" s="27">
        <f>'[1]年齢別人口市区町村(日本人)'!X138</f>
        <v>310</v>
      </c>
      <c r="BM124" s="27">
        <f>'[1]年齢別人口市区町村(外国人)'!X138</f>
        <v>0</v>
      </c>
      <c r="BN124" s="28">
        <f>'[1]年齢別人口市区町村(総数)'!X138</f>
        <v>310</v>
      </c>
      <c r="BO124" s="27">
        <f>'[1]年齢別人口市区町村(日本人)'!Y138</f>
        <v>36</v>
      </c>
      <c r="BP124" s="27">
        <f>'[1]年齢別人口市区町村(外国人)'!Y138</f>
        <v>0</v>
      </c>
      <c r="BQ124" s="62">
        <f>'[1]年齢別人口市区町村(総数)'!Y138</f>
        <v>36</v>
      </c>
    </row>
    <row r="125" spans="1:69" x14ac:dyDescent="0.15">
      <c r="A125" s="20"/>
      <c r="B125" s="17" t="s">
        <v>29</v>
      </c>
      <c r="C125" s="45">
        <v>142115</v>
      </c>
      <c r="D125" s="18">
        <f>'[1]年齢別人口市区町村(日本人)'!D142</f>
        <v>76376</v>
      </c>
      <c r="E125" s="19">
        <f>'[1]年齢別人口市区町村(外国人)'!D142</f>
        <v>2856</v>
      </c>
      <c r="F125" s="19">
        <f>'[1]年齢別人口市区町村(総数)'!D142</f>
        <v>79232</v>
      </c>
      <c r="G125" s="19">
        <f>'[1]年齢別人口市区町村(日本人)'!E142</f>
        <v>1839</v>
      </c>
      <c r="H125" s="19">
        <f>'[1]年齢別人口市区町村(外国人)'!E142</f>
        <v>53</v>
      </c>
      <c r="I125" s="19">
        <f>'[1]年齢別人口市区町村(総数)'!E142</f>
        <v>1892</v>
      </c>
      <c r="J125" s="19">
        <f>'[1]年齢別人口市区町村(日本人)'!F142</f>
        <v>2557</v>
      </c>
      <c r="K125" s="19">
        <f>'[1]年齢別人口市区町村(外国人)'!F142</f>
        <v>61</v>
      </c>
      <c r="L125" s="19">
        <f>'[1]年齢別人口市区町村(総数)'!F142</f>
        <v>2618</v>
      </c>
      <c r="M125" s="19">
        <f>'[1]年齢別人口市区町村(日本人)'!G142</f>
        <v>3252</v>
      </c>
      <c r="N125" s="19">
        <f>'[1]年齢別人口市区町村(外国人)'!G142</f>
        <v>76</v>
      </c>
      <c r="O125" s="19">
        <f>'[1]年齢別人口市区町村(総数)'!G142</f>
        <v>3328</v>
      </c>
      <c r="P125" s="19">
        <f>'[1]年齢別人口市区町村(日本人)'!H142</f>
        <v>3673</v>
      </c>
      <c r="Q125" s="19">
        <f>'[1]年齢別人口市区町村(外国人)'!H142</f>
        <v>146</v>
      </c>
      <c r="R125" s="19">
        <f>'[1]年齢別人口市区町村(総数)'!H142</f>
        <v>3819</v>
      </c>
      <c r="S125" s="19">
        <f>'[1]年齢別人口市区町村(日本人)'!I142</f>
        <v>3785</v>
      </c>
      <c r="T125" s="19">
        <f>'[1]年齢別人口市区町村(外国人)'!I142</f>
        <v>735</v>
      </c>
      <c r="U125" s="19">
        <f>'[1]年齢別人口市区町村(総数)'!I142</f>
        <v>4520</v>
      </c>
      <c r="V125" s="19">
        <f>'[1]年齢別人口市区町村(日本人)'!J142</f>
        <v>3453</v>
      </c>
      <c r="W125" s="19">
        <f>'[1]年齢別人口市区町村(外国人)'!J142</f>
        <v>562</v>
      </c>
      <c r="X125" s="19">
        <f>'[1]年齢別人口市区町村(総数)'!J142</f>
        <v>4015</v>
      </c>
      <c r="Y125" s="19">
        <f>'[1]年齢別人口市区町村(日本人)'!K142</f>
        <v>3468</v>
      </c>
      <c r="Z125" s="19">
        <f>'[1]年齢別人口市区町村(外国人)'!K142</f>
        <v>287</v>
      </c>
      <c r="AA125" s="19">
        <f>'[1]年齢別人口市区町村(総数)'!K142</f>
        <v>3755</v>
      </c>
      <c r="AB125" s="19">
        <f>'[1]年齢別人口市区町村(日本人)'!L142</f>
        <v>3737</v>
      </c>
      <c r="AC125" s="19">
        <f>'[1]年齢別人口市区町村(外国人)'!L142</f>
        <v>206</v>
      </c>
      <c r="AD125" s="19">
        <f>'[1]年齢別人口市区町村(総数)'!L142</f>
        <v>3943</v>
      </c>
      <c r="AE125" s="19">
        <f>'[1]年齢別人口市区町村(日本人)'!M142</f>
        <v>4670</v>
      </c>
      <c r="AF125" s="19">
        <f>'[1]年齢別人口市区町村(外国人)'!M142</f>
        <v>144</v>
      </c>
      <c r="AG125" s="19">
        <f>'[1]年齢別人口市区町村(総数)'!M142</f>
        <v>4814</v>
      </c>
      <c r="AH125" s="19">
        <f>'[1]年齢別人口市区町村(日本人)'!N142</f>
        <v>5556</v>
      </c>
      <c r="AI125" s="19">
        <f>'[1]年齢別人口市区町村(外国人)'!N142</f>
        <v>120</v>
      </c>
      <c r="AJ125" s="19">
        <f>'[1]年齢別人口市区町村(総数)'!N142</f>
        <v>5676</v>
      </c>
      <c r="AK125" s="19">
        <f>'[1]年齢別人口市区町村(日本人)'!O142</f>
        <v>6550</v>
      </c>
      <c r="AL125" s="19">
        <f>'[1]年齢別人口市区町村(外国人)'!O142</f>
        <v>130</v>
      </c>
      <c r="AM125" s="19">
        <f>'[1]年齢別人口市区町村(総数)'!O142</f>
        <v>6680</v>
      </c>
      <c r="AN125" s="19">
        <f>'[1]年齢別人口市区町村(日本人)'!P142</f>
        <v>6051</v>
      </c>
      <c r="AO125" s="19">
        <f>'[1]年齢別人口市区町村(外国人)'!P142</f>
        <v>123</v>
      </c>
      <c r="AP125" s="19">
        <f>'[1]年齢別人口市区町村(総数)'!P142</f>
        <v>6174</v>
      </c>
      <c r="AQ125" s="19">
        <f>'[1]年齢別人口市区町村(日本人)'!Q142</f>
        <v>5186</v>
      </c>
      <c r="AR125" s="19">
        <f>'[1]年齢別人口市区町村(外国人)'!Q142</f>
        <v>102</v>
      </c>
      <c r="AS125" s="19">
        <f>'[1]年齢別人口市区町村(総数)'!Q142</f>
        <v>5288</v>
      </c>
      <c r="AT125" s="19">
        <f>'[1]年齢別人口市区町村(日本人)'!R142</f>
        <v>4523</v>
      </c>
      <c r="AU125" s="19">
        <f>'[1]年齢別人口市区町村(外国人)'!R142</f>
        <v>49</v>
      </c>
      <c r="AV125" s="19">
        <f>'[1]年齢別人口市区町村(総数)'!R142</f>
        <v>4572</v>
      </c>
      <c r="AW125" s="19">
        <f>'[1]年齢別人口市区町村(日本人)'!S142</f>
        <v>5102</v>
      </c>
      <c r="AX125" s="19">
        <f>'[1]年齢別人口市区町村(外国人)'!S142</f>
        <v>33</v>
      </c>
      <c r="AY125" s="19">
        <f>'[1]年齢別人口市区町村(総数)'!S142</f>
        <v>5135</v>
      </c>
      <c r="AZ125" s="19">
        <f>'[1]年齢別人口市区町村(日本人)'!T142</f>
        <v>6058</v>
      </c>
      <c r="BA125" s="19">
        <f>'[1]年齢別人口市区町村(外国人)'!T142</f>
        <v>14</v>
      </c>
      <c r="BB125" s="19">
        <f>'[1]年齢別人口市区町村(総数)'!T142</f>
        <v>6072</v>
      </c>
      <c r="BC125" s="19">
        <f>'[1]年齢別人口市区町村(日本人)'!U142</f>
        <v>3989</v>
      </c>
      <c r="BD125" s="19">
        <f>'[1]年齢別人口市区町村(外国人)'!U142</f>
        <v>10</v>
      </c>
      <c r="BE125" s="19">
        <f>'[1]年齢別人口市区町村(総数)'!U142</f>
        <v>3999</v>
      </c>
      <c r="BF125" s="19">
        <f>'[1]年齢別人口市区町村(日本人)'!V142</f>
        <v>2064</v>
      </c>
      <c r="BG125" s="19">
        <f>'[1]年齢別人口市区町村(外国人)'!V142</f>
        <v>4</v>
      </c>
      <c r="BH125" s="19">
        <f>'[1]年齢別人口市区町村(総数)'!V142</f>
        <v>2068</v>
      </c>
      <c r="BI125" s="19">
        <f>'[1]年齢別人口市区町村(日本人)'!W142</f>
        <v>728</v>
      </c>
      <c r="BJ125" s="19">
        <f>'[1]年齢別人口市区町村(外国人)'!W142</f>
        <v>0</v>
      </c>
      <c r="BK125" s="19">
        <f>'[1]年齢別人口市区町村(総数)'!W142</f>
        <v>728</v>
      </c>
      <c r="BL125" s="19">
        <f>'[1]年齢別人口市区町村(日本人)'!X142</f>
        <v>120</v>
      </c>
      <c r="BM125" s="19">
        <f>'[1]年齢別人口市区町村(外国人)'!X142</f>
        <v>0</v>
      </c>
      <c r="BN125" s="19">
        <f>'[1]年齢別人口市区町村(総数)'!X142</f>
        <v>120</v>
      </c>
      <c r="BO125" s="19">
        <f>'[1]年齢別人口市区町村(日本人)'!Y142</f>
        <v>15</v>
      </c>
      <c r="BP125" s="19">
        <f>'[1]年齢別人口市区町村(外国人)'!Y142</f>
        <v>1</v>
      </c>
      <c r="BQ125" s="60">
        <f>'[1]年齢別人口市区町村(総数)'!Y142</f>
        <v>16</v>
      </c>
    </row>
    <row r="126" spans="1:69" x14ac:dyDescent="0.15">
      <c r="A126" s="20" t="s">
        <v>70</v>
      </c>
      <c r="B126" s="21" t="s">
        <v>31</v>
      </c>
      <c r="C126" s="46"/>
      <c r="D126" s="22">
        <f>'[1]年齢別人口市区町村(日本人)'!D143</f>
        <v>76319</v>
      </c>
      <c r="E126" s="23">
        <f>'[1]年齢別人口市区町村(外国人)'!D143</f>
        <v>2233</v>
      </c>
      <c r="F126" s="24">
        <f>'[1]年齢別人口市区町村(総数)'!D143</f>
        <v>78552</v>
      </c>
      <c r="G126" s="23">
        <f>'[1]年齢別人口市区町村(日本人)'!E143</f>
        <v>1772</v>
      </c>
      <c r="H126" s="23">
        <f>'[1]年齢別人口市区町村(外国人)'!E143</f>
        <v>72</v>
      </c>
      <c r="I126" s="24">
        <f>'[1]年齢別人口市区町村(総数)'!E143</f>
        <v>1844</v>
      </c>
      <c r="J126" s="23">
        <f>'[1]年齢別人口市区町村(日本人)'!F143</f>
        <v>2377</v>
      </c>
      <c r="K126" s="23">
        <f>'[1]年齢別人口市区町村(外国人)'!F143</f>
        <v>56</v>
      </c>
      <c r="L126" s="24">
        <f>'[1]年齢別人口市区町村(総数)'!F143</f>
        <v>2433</v>
      </c>
      <c r="M126" s="23">
        <f>'[1]年齢別人口市区町村(日本人)'!G143</f>
        <v>3033</v>
      </c>
      <c r="N126" s="23">
        <f>'[1]年齢別人口市区町村(外国人)'!G143</f>
        <v>55</v>
      </c>
      <c r="O126" s="24">
        <f>'[1]年齢別人口市区町村(総数)'!G143</f>
        <v>3088</v>
      </c>
      <c r="P126" s="23">
        <f>'[1]年齢別人口市区町村(日本人)'!H143</f>
        <v>3375</v>
      </c>
      <c r="Q126" s="23">
        <f>'[1]年齢別人口市区町村(外国人)'!H143</f>
        <v>96</v>
      </c>
      <c r="R126" s="24">
        <f>'[1]年齢別人口市区町村(総数)'!H143</f>
        <v>3471</v>
      </c>
      <c r="S126" s="23">
        <f>'[1]年齢別人口市区町村(日本人)'!I143</f>
        <v>3516</v>
      </c>
      <c r="T126" s="23">
        <f>'[1]年齢別人口市区町村(外国人)'!I143</f>
        <v>356</v>
      </c>
      <c r="U126" s="24">
        <f>'[1]年齢別人口市区町村(総数)'!I143</f>
        <v>3872</v>
      </c>
      <c r="V126" s="23">
        <f>'[1]年齢別人口市区町村(日本人)'!J143</f>
        <v>3089</v>
      </c>
      <c r="W126" s="23">
        <f>'[1]年齢別人口市区町村(外国人)'!J143</f>
        <v>363</v>
      </c>
      <c r="X126" s="24">
        <f>'[1]年齢別人口市区町村(総数)'!J143</f>
        <v>3452</v>
      </c>
      <c r="Y126" s="23">
        <f>'[1]年齢別人口市区町村(日本人)'!K143</f>
        <v>3185</v>
      </c>
      <c r="Z126" s="23">
        <f>'[1]年齢別人口市区町村(外国人)'!K143</f>
        <v>216</v>
      </c>
      <c r="AA126" s="24">
        <f>'[1]年齢別人口市区町村(総数)'!K143</f>
        <v>3401</v>
      </c>
      <c r="AB126" s="23">
        <f>'[1]年齢別人口市区町村(日本人)'!L143</f>
        <v>3335</v>
      </c>
      <c r="AC126" s="23">
        <f>'[1]年齢別人口市区町村(外国人)'!L143</f>
        <v>157</v>
      </c>
      <c r="AD126" s="24">
        <f>'[1]年齢別人口市区町村(総数)'!L143</f>
        <v>3492</v>
      </c>
      <c r="AE126" s="23">
        <f>'[1]年齢別人口市区町村(日本人)'!M143</f>
        <v>4246</v>
      </c>
      <c r="AF126" s="23">
        <f>'[1]年齢別人口市区町村(外国人)'!M143</f>
        <v>172</v>
      </c>
      <c r="AG126" s="24">
        <f>'[1]年齢別人口市区町村(総数)'!M143</f>
        <v>4418</v>
      </c>
      <c r="AH126" s="23">
        <f>'[1]年齢別人口市区町村(日本人)'!N143</f>
        <v>5007</v>
      </c>
      <c r="AI126" s="23">
        <f>'[1]年齢別人口市区町村(外国人)'!N143</f>
        <v>155</v>
      </c>
      <c r="AJ126" s="24">
        <f>'[1]年齢別人口市区町村(総数)'!N143</f>
        <v>5162</v>
      </c>
      <c r="AK126" s="23">
        <f>'[1]年齢別人口市区町村(日本人)'!O143</f>
        <v>6035</v>
      </c>
      <c r="AL126" s="23">
        <f>'[1]年齢別人口市区町村(外国人)'!O143</f>
        <v>170</v>
      </c>
      <c r="AM126" s="24">
        <f>'[1]年齢別人口市区町村(総数)'!O143</f>
        <v>6205</v>
      </c>
      <c r="AN126" s="23">
        <f>'[1]年齢別人口市区町村(日本人)'!P143</f>
        <v>5213</v>
      </c>
      <c r="AO126" s="23">
        <f>'[1]年齢別人口市区町村(外国人)'!P143</f>
        <v>142</v>
      </c>
      <c r="AP126" s="24">
        <f>'[1]年齢別人口市区町村(総数)'!P143</f>
        <v>5355</v>
      </c>
      <c r="AQ126" s="23">
        <f>'[1]年齢別人口市区町村(日本人)'!Q143</f>
        <v>4975</v>
      </c>
      <c r="AR126" s="23">
        <f>'[1]年齢別人口市区町村(外国人)'!Q143</f>
        <v>92</v>
      </c>
      <c r="AS126" s="24">
        <f>'[1]年齢別人口市区町村(総数)'!Q143</f>
        <v>5067</v>
      </c>
      <c r="AT126" s="23">
        <f>'[1]年齢別人口市区町村(日本人)'!R143</f>
        <v>4623</v>
      </c>
      <c r="AU126" s="23">
        <f>'[1]年齢別人口市区町村(外国人)'!R143</f>
        <v>64</v>
      </c>
      <c r="AV126" s="24">
        <f>'[1]年齢別人口市区町村(総数)'!R143</f>
        <v>4687</v>
      </c>
      <c r="AW126" s="23">
        <f>'[1]年齢別人口市区町村(日本人)'!S143</f>
        <v>5699</v>
      </c>
      <c r="AX126" s="23">
        <f>'[1]年齢別人口市区町村(外国人)'!S143</f>
        <v>35</v>
      </c>
      <c r="AY126" s="24">
        <f>'[1]年齢別人口市区町村(総数)'!S143</f>
        <v>5734</v>
      </c>
      <c r="AZ126" s="23">
        <f>'[1]年齢別人口市区町村(日本人)'!T143</f>
        <v>7034</v>
      </c>
      <c r="BA126" s="23">
        <f>'[1]年齢別人口市区町村(外国人)'!T143</f>
        <v>19</v>
      </c>
      <c r="BB126" s="24">
        <f>'[1]年齢別人口市区町村(総数)'!T143</f>
        <v>7053</v>
      </c>
      <c r="BC126" s="23">
        <f>'[1]年齢別人口市区町村(日本人)'!U143</f>
        <v>4824</v>
      </c>
      <c r="BD126" s="23">
        <f>'[1]年齢別人口市区町村(外国人)'!U143</f>
        <v>5</v>
      </c>
      <c r="BE126" s="24">
        <f>'[1]年齢別人口市区町村(総数)'!U143</f>
        <v>4829</v>
      </c>
      <c r="BF126" s="23">
        <f>'[1]年齢別人口市区町村(日本人)'!V143</f>
        <v>2873</v>
      </c>
      <c r="BG126" s="23">
        <f>'[1]年齢別人口市区町村(外国人)'!V143</f>
        <v>3</v>
      </c>
      <c r="BH126" s="24">
        <f>'[1]年齢別人口市区町村(総数)'!V143</f>
        <v>2876</v>
      </c>
      <c r="BI126" s="23">
        <f>'[1]年齢別人口市区町村(日本人)'!W143</f>
        <v>1517</v>
      </c>
      <c r="BJ126" s="23">
        <f>'[1]年齢別人口市区町村(外国人)'!W143</f>
        <v>3</v>
      </c>
      <c r="BK126" s="24">
        <f>'[1]年齢別人口市区町村(総数)'!W143</f>
        <v>1520</v>
      </c>
      <c r="BL126" s="23">
        <f>'[1]年齢別人口市区町村(日本人)'!X143</f>
        <v>505</v>
      </c>
      <c r="BM126" s="23">
        <f>'[1]年齢別人口市区町村(外国人)'!X143</f>
        <v>2</v>
      </c>
      <c r="BN126" s="24">
        <f>'[1]年齢別人口市区町村(総数)'!X143</f>
        <v>507</v>
      </c>
      <c r="BO126" s="23">
        <f>'[1]年齢別人口市区町村(日本人)'!Y143</f>
        <v>86</v>
      </c>
      <c r="BP126" s="23">
        <f>'[1]年齢別人口市区町村(外国人)'!Y143</f>
        <v>0</v>
      </c>
      <c r="BQ126" s="61">
        <f>'[1]年齢別人口市区町村(総数)'!Y143</f>
        <v>86</v>
      </c>
    </row>
    <row r="127" spans="1:69" ht="15" thickBot="1" x14ac:dyDescent="0.2">
      <c r="A127" s="29"/>
      <c r="B127" s="25" t="s">
        <v>32</v>
      </c>
      <c r="C127" s="47"/>
      <c r="D127" s="26">
        <f>'[1]年齢別人口市区町村(日本人)'!D141</f>
        <v>152695</v>
      </c>
      <c r="E127" s="27">
        <f>'[1]年齢別人口市区町村(外国人)'!D141</f>
        <v>5089</v>
      </c>
      <c r="F127" s="28">
        <f>'[1]年齢別人口市区町村(総数)'!D141</f>
        <v>157784</v>
      </c>
      <c r="G127" s="27">
        <f>'[1]年齢別人口市区町村(日本人)'!E141</f>
        <v>3611</v>
      </c>
      <c r="H127" s="27">
        <f>'[1]年齢別人口市区町村(外国人)'!E141</f>
        <v>125</v>
      </c>
      <c r="I127" s="28">
        <f>'[1]年齢別人口市区町村(総数)'!E141</f>
        <v>3736</v>
      </c>
      <c r="J127" s="27">
        <f>'[1]年齢別人口市区町村(日本人)'!F141</f>
        <v>4934</v>
      </c>
      <c r="K127" s="27">
        <f>'[1]年齢別人口市区町村(外国人)'!F141</f>
        <v>117</v>
      </c>
      <c r="L127" s="28">
        <f>'[1]年齢別人口市区町村(総数)'!F141</f>
        <v>5051</v>
      </c>
      <c r="M127" s="27">
        <f>'[1]年齢別人口市区町村(日本人)'!G141</f>
        <v>6285</v>
      </c>
      <c r="N127" s="27">
        <f>'[1]年齢別人口市区町村(外国人)'!G141</f>
        <v>131</v>
      </c>
      <c r="O127" s="28">
        <f>'[1]年齢別人口市区町村(総数)'!G141</f>
        <v>6416</v>
      </c>
      <c r="P127" s="27">
        <f>'[1]年齢別人口市区町村(日本人)'!H141</f>
        <v>7048</v>
      </c>
      <c r="Q127" s="27">
        <f>'[1]年齢別人口市区町村(外国人)'!H141</f>
        <v>242</v>
      </c>
      <c r="R127" s="28">
        <f>'[1]年齢別人口市区町村(総数)'!H141</f>
        <v>7290</v>
      </c>
      <c r="S127" s="27">
        <f>'[1]年齢別人口市区町村(日本人)'!I141</f>
        <v>7301</v>
      </c>
      <c r="T127" s="27">
        <f>'[1]年齢別人口市区町村(外国人)'!I141</f>
        <v>1091</v>
      </c>
      <c r="U127" s="28">
        <f>'[1]年齢別人口市区町村(総数)'!I141</f>
        <v>8392</v>
      </c>
      <c r="V127" s="27">
        <f>'[1]年齢別人口市区町村(日本人)'!J141</f>
        <v>6542</v>
      </c>
      <c r="W127" s="27">
        <f>'[1]年齢別人口市区町村(外国人)'!J141</f>
        <v>925</v>
      </c>
      <c r="X127" s="28">
        <f>'[1]年齢別人口市区町村(総数)'!J141</f>
        <v>7467</v>
      </c>
      <c r="Y127" s="27">
        <f>'[1]年齢別人口市区町村(日本人)'!K141</f>
        <v>6653</v>
      </c>
      <c r="Z127" s="27">
        <f>'[1]年齢別人口市区町村(外国人)'!K141</f>
        <v>503</v>
      </c>
      <c r="AA127" s="28">
        <f>'[1]年齢別人口市区町村(総数)'!K141</f>
        <v>7156</v>
      </c>
      <c r="AB127" s="27">
        <f>'[1]年齢別人口市区町村(日本人)'!L141</f>
        <v>7072</v>
      </c>
      <c r="AC127" s="27">
        <f>'[1]年齢別人口市区町村(外国人)'!L141</f>
        <v>363</v>
      </c>
      <c r="AD127" s="28">
        <f>'[1]年齢別人口市区町村(総数)'!L141</f>
        <v>7435</v>
      </c>
      <c r="AE127" s="27">
        <f>'[1]年齢別人口市区町村(日本人)'!M141</f>
        <v>8916</v>
      </c>
      <c r="AF127" s="27">
        <f>'[1]年齢別人口市区町村(外国人)'!M141</f>
        <v>316</v>
      </c>
      <c r="AG127" s="28">
        <f>'[1]年齢別人口市区町村(総数)'!M141</f>
        <v>9232</v>
      </c>
      <c r="AH127" s="27">
        <f>'[1]年齢別人口市区町村(日本人)'!N141</f>
        <v>10563</v>
      </c>
      <c r="AI127" s="27">
        <f>'[1]年齢別人口市区町村(外国人)'!N141</f>
        <v>275</v>
      </c>
      <c r="AJ127" s="28">
        <f>'[1]年齢別人口市区町村(総数)'!N141</f>
        <v>10838</v>
      </c>
      <c r="AK127" s="27">
        <f>'[1]年齢別人口市区町村(日本人)'!O141</f>
        <v>12585</v>
      </c>
      <c r="AL127" s="27">
        <f>'[1]年齢別人口市区町村(外国人)'!O141</f>
        <v>300</v>
      </c>
      <c r="AM127" s="28">
        <f>'[1]年齢別人口市区町村(総数)'!O141</f>
        <v>12885</v>
      </c>
      <c r="AN127" s="27">
        <f>'[1]年齢別人口市区町村(日本人)'!P141</f>
        <v>11264</v>
      </c>
      <c r="AO127" s="27">
        <f>'[1]年齢別人口市区町村(外国人)'!P141</f>
        <v>265</v>
      </c>
      <c r="AP127" s="28">
        <f>'[1]年齢別人口市区町村(総数)'!P141</f>
        <v>11529</v>
      </c>
      <c r="AQ127" s="27">
        <f>'[1]年齢別人口市区町村(日本人)'!Q141</f>
        <v>10161</v>
      </c>
      <c r="AR127" s="27">
        <f>'[1]年齢別人口市区町村(外国人)'!Q141</f>
        <v>194</v>
      </c>
      <c r="AS127" s="28">
        <f>'[1]年齢別人口市区町村(総数)'!Q141</f>
        <v>10355</v>
      </c>
      <c r="AT127" s="27">
        <f>'[1]年齢別人口市区町村(日本人)'!R141</f>
        <v>9146</v>
      </c>
      <c r="AU127" s="27">
        <f>'[1]年齢別人口市区町村(外国人)'!R141</f>
        <v>113</v>
      </c>
      <c r="AV127" s="28">
        <f>'[1]年齢別人口市区町村(総数)'!R141</f>
        <v>9259</v>
      </c>
      <c r="AW127" s="27">
        <f>'[1]年齢別人口市区町村(日本人)'!S141</f>
        <v>10801</v>
      </c>
      <c r="AX127" s="27">
        <f>'[1]年齢別人口市区町村(外国人)'!S141</f>
        <v>68</v>
      </c>
      <c r="AY127" s="28">
        <f>'[1]年齢別人口市区町村(総数)'!S141</f>
        <v>10869</v>
      </c>
      <c r="AZ127" s="27">
        <f>'[1]年齢別人口市区町村(日本人)'!T141</f>
        <v>13092</v>
      </c>
      <c r="BA127" s="27">
        <f>'[1]年齢別人口市区町村(外国人)'!T141</f>
        <v>33</v>
      </c>
      <c r="BB127" s="28">
        <f>'[1]年齢別人口市区町村(総数)'!T141</f>
        <v>13125</v>
      </c>
      <c r="BC127" s="27">
        <f>'[1]年齢別人口市区町村(日本人)'!U141</f>
        <v>8813</v>
      </c>
      <c r="BD127" s="27">
        <f>'[1]年齢別人口市区町村(外国人)'!U141</f>
        <v>15</v>
      </c>
      <c r="BE127" s="28">
        <f>'[1]年齢別人口市区町村(総数)'!U141</f>
        <v>8828</v>
      </c>
      <c r="BF127" s="27">
        <f>'[1]年齢別人口市区町村(日本人)'!V141</f>
        <v>4937</v>
      </c>
      <c r="BG127" s="27">
        <f>'[1]年齢別人口市区町村(外国人)'!V141</f>
        <v>7</v>
      </c>
      <c r="BH127" s="28">
        <f>'[1]年齢別人口市区町村(総数)'!V141</f>
        <v>4944</v>
      </c>
      <c r="BI127" s="27">
        <f>'[1]年齢別人口市区町村(日本人)'!W141</f>
        <v>2245</v>
      </c>
      <c r="BJ127" s="27">
        <f>'[1]年齢別人口市区町村(外国人)'!W141</f>
        <v>3</v>
      </c>
      <c r="BK127" s="28">
        <f>'[1]年齢別人口市区町村(総数)'!W141</f>
        <v>2248</v>
      </c>
      <c r="BL127" s="27">
        <f>'[1]年齢別人口市区町村(日本人)'!X141</f>
        <v>625</v>
      </c>
      <c r="BM127" s="27">
        <f>'[1]年齢別人口市区町村(外国人)'!X141</f>
        <v>2</v>
      </c>
      <c r="BN127" s="28">
        <f>'[1]年齢別人口市区町村(総数)'!X141</f>
        <v>627</v>
      </c>
      <c r="BO127" s="27">
        <f>'[1]年齢別人口市区町村(日本人)'!Y141</f>
        <v>101</v>
      </c>
      <c r="BP127" s="27">
        <f>'[1]年齢別人口市区町村(外国人)'!Y141</f>
        <v>1</v>
      </c>
      <c r="BQ127" s="62">
        <f>'[1]年齢別人口市区町村(総数)'!Y141</f>
        <v>102</v>
      </c>
    </row>
    <row r="128" spans="1:69" x14ac:dyDescent="0.15">
      <c r="A128" s="20"/>
      <c r="B128" s="17" t="s">
        <v>29</v>
      </c>
      <c r="C128" s="45">
        <v>142123</v>
      </c>
      <c r="D128" s="18">
        <f>'[1]年齢別人口市区町村(日本人)'!D145</f>
        <v>108809</v>
      </c>
      <c r="E128" s="19">
        <f>'[1]年齢別人口市区町村(外国人)'!D145</f>
        <v>6043</v>
      </c>
      <c r="F128" s="19">
        <f>'[1]年齢別人口市区町村(総数)'!D145</f>
        <v>114852</v>
      </c>
      <c r="G128" s="19">
        <f>'[1]年齢別人口市区町村(日本人)'!E145</f>
        <v>2855</v>
      </c>
      <c r="H128" s="19">
        <f>'[1]年齢別人口市区町村(外国人)'!E145</f>
        <v>256</v>
      </c>
      <c r="I128" s="19">
        <f>'[1]年齢別人口市区町村(総数)'!E145</f>
        <v>3111</v>
      </c>
      <c r="J128" s="19">
        <f>'[1]年齢別人口市区町村(日本人)'!F145</f>
        <v>3763</v>
      </c>
      <c r="K128" s="19">
        <f>'[1]年齢別人口市区町村(外国人)'!F145</f>
        <v>225</v>
      </c>
      <c r="L128" s="19">
        <f>'[1]年齢別人口市区町村(総数)'!F145</f>
        <v>3988</v>
      </c>
      <c r="M128" s="19">
        <f>'[1]年齢別人口市区町村(日本人)'!G145</f>
        <v>4474</v>
      </c>
      <c r="N128" s="19">
        <f>'[1]年齢別人口市区町村(外国人)'!G145</f>
        <v>184</v>
      </c>
      <c r="O128" s="19">
        <f>'[1]年齢別人口市区町村(総数)'!G145</f>
        <v>4658</v>
      </c>
      <c r="P128" s="19">
        <f>'[1]年齢別人口市区町村(日本人)'!H145</f>
        <v>5228</v>
      </c>
      <c r="Q128" s="19">
        <f>'[1]年齢別人口市区町村(外国人)'!H145</f>
        <v>222</v>
      </c>
      <c r="R128" s="19">
        <f>'[1]年齢別人口市区町村(総数)'!H145</f>
        <v>5450</v>
      </c>
      <c r="S128" s="19">
        <f>'[1]年齢別人口市区町村(日本人)'!I145</f>
        <v>5852</v>
      </c>
      <c r="T128" s="19">
        <f>'[1]年齢別人口市区町村(外国人)'!I145</f>
        <v>831</v>
      </c>
      <c r="U128" s="19">
        <f>'[1]年齢別人口市区町村(総数)'!I145</f>
        <v>6683</v>
      </c>
      <c r="V128" s="19">
        <f>'[1]年齢別人口市区町村(日本人)'!J145</f>
        <v>6361</v>
      </c>
      <c r="W128" s="19">
        <f>'[1]年齢別人口市区町村(外国人)'!J145</f>
        <v>1013</v>
      </c>
      <c r="X128" s="19">
        <f>'[1]年齢別人口市区町村(総数)'!J145</f>
        <v>7374</v>
      </c>
      <c r="Y128" s="19">
        <f>'[1]年齢別人口市区町村(日本人)'!K145</f>
        <v>5960</v>
      </c>
      <c r="Z128" s="19">
        <f>'[1]年齢別人口市区町村(外国人)'!K145</f>
        <v>945</v>
      </c>
      <c r="AA128" s="19">
        <f>'[1]年齢別人口市区町村(総数)'!K145</f>
        <v>6905</v>
      </c>
      <c r="AB128" s="19">
        <f>'[1]年齢別人口市区町村(日本人)'!L145</f>
        <v>5979</v>
      </c>
      <c r="AC128" s="19">
        <f>'[1]年齢別人口市区町村(外国人)'!L145</f>
        <v>683</v>
      </c>
      <c r="AD128" s="19">
        <f>'[1]年齢別人口市区町村(総数)'!L145</f>
        <v>6662</v>
      </c>
      <c r="AE128" s="19">
        <f>'[1]年齢別人口市区町村(日本人)'!M145</f>
        <v>6839</v>
      </c>
      <c r="AF128" s="19">
        <f>'[1]年齢別人口市区町村(外国人)'!M145</f>
        <v>465</v>
      </c>
      <c r="AG128" s="19">
        <f>'[1]年齢別人口市区町村(総数)'!M145</f>
        <v>7304</v>
      </c>
      <c r="AH128" s="19">
        <f>'[1]年齢別人口市区町村(日本人)'!N145</f>
        <v>8225</v>
      </c>
      <c r="AI128" s="19">
        <f>'[1]年齢別人口市区町村(外国人)'!N145</f>
        <v>389</v>
      </c>
      <c r="AJ128" s="19">
        <f>'[1]年齢別人口市区町村(総数)'!N145</f>
        <v>8614</v>
      </c>
      <c r="AK128" s="19">
        <f>'[1]年齢別人口市区町村(日本人)'!O145</f>
        <v>10278</v>
      </c>
      <c r="AL128" s="19">
        <f>'[1]年齢別人口市区町村(外国人)'!O145</f>
        <v>255</v>
      </c>
      <c r="AM128" s="19">
        <f>'[1]年齢別人口市区町村(総数)'!O145</f>
        <v>10533</v>
      </c>
      <c r="AN128" s="19">
        <f>'[1]年齢別人口市区町村(日本人)'!P145</f>
        <v>8976</v>
      </c>
      <c r="AO128" s="19">
        <f>'[1]年齢別人口市区町村(外国人)'!P145</f>
        <v>220</v>
      </c>
      <c r="AP128" s="19">
        <f>'[1]年齢別人口市区町村(総数)'!P145</f>
        <v>9196</v>
      </c>
      <c r="AQ128" s="19">
        <f>'[1]年齢別人口市区町村(日本人)'!Q145</f>
        <v>7180</v>
      </c>
      <c r="AR128" s="19">
        <f>'[1]年齢別人口市区町村(外国人)'!Q145</f>
        <v>160</v>
      </c>
      <c r="AS128" s="19">
        <f>'[1]年齢別人口市区町村(総数)'!Q145</f>
        <v>7340</v>
      </c>
      <c r="AT128" s="19">
        <f>'[1]年齢別人口市区町村(日本人)'!R145</f>
        <v>5752</v>
      </c>
      <c r="AU128" s="19">
        <f>'[1]年齢別人口市区町村(外国人)'!R145</f>
        <v>80</v>
      </c>
      <c r="AV128" s="19">
        <f>'[1]年齢別人口市区町村(総数)'!R145</f>
        <v>5832</v>
      </c>
      <c r="AW128" s="19">
        <f>'[1]年齢別人口市区町村(日本人)'!S145</f>
        <v>5982</v>
      </c>
      <c r="AX128" s="19">
        <f>'[1]年齢別人口市区町村(外国人)'!S145</f>
        <v>53</v>
      </c>
      <c r="AY128" s="19">
        <f>'[1]年齢別人口市区町村(総数)'!S145</f>
        <v>6035</v>
      </c>
      <c r="AZ128" s="19">
        <f>'[1]年齢別人口市区町村(日本人)'!T145</f>
        <v>6926</v>
      </c>
      <c r="BA128" s="19">
        <f>'[1]年齢別人口市区町村(外国人)'!T145</f>
        <v>35</v>
      </c>
      <c r="BB128" s="19">
        <f>'[1]年齢別人口市区町村(総数)'!T145</f>
        <v>6961</v>
      </c>
      <c r="BC128" s="19">
        <f>'[1]年齢別人口市区町村(日本人)'!U145</f>
        <v>4606</v>
      </c>
      <c r="BD128" s="19">
        <f>'[1]年齢別人口市区町村(外国人)'!U145</f>
        <v>22</v>
      </c>
      <c r="BE128" s="19">
        <f>'[1]年齢別人口市区町村(総数)'!U145</f>
        <v>4628</v>
      </c>
      <c r="BF128" s="19">
        <f>'[1]年齢別人口市区町村(日本人)'!V145</f>
        <v>2538</v>
      </c>
      <c r="BG128" s="19">
        <f>'[1]年齢別人口市区町村(外国人)'!V145</f>
        <v>5</v>
      </c>
      <c r="BH128" s="19">
        <f>'[1]年齢別人口市区町村(総数)'!V145</f>
        <v>2543</v>
      </c>
      <c r="BI128" s="19">
        <f>'[1]年齢別人口市区町村(日本人)'!W145</f>
        <v>873</v>
      </c>
      <c r="BJ128" s="19">
        <f>'[1]年齢別人口市区町村(外国人)'!W145</f>
        <v>0</v>
      </c>
      <c r="BK128" s="19">
        <f>'[1]年齢別人口市区町村(総数)'!W145</f>
        <v>873</v>
      </c>
      <c r="BL128" s="19">
        <f>'[1]年齢別人口市区町村(日本人)'!X145</f>
        <v>149</v>
      </c>
      <c r="BM128" s="19">
        <f>'[1]年齢別人口市区町村(外国人)'!X145</f>
        <v>0</v>
      </c>
      <c r="BN128" s="19">
        <f>'[1]年齢別人口市区町村(総数)'!X145</f>
        <v>149</v>
      </c>
      <c r="BO128" s="19">
        <f>'[1]年齢別人口市区町村(日本人)'!Y145</f>
        <v>13</v>
      </c>
      <c r="BP128" s="19">
        <f>'[1]年齢別人口市区町村(外国人)'!Y145</f>
        <v>0</v>
      </c>
      <c r="BQ128" s="60">
        <f>'[1]年齢別人口市区町村(総数)'!Y145</f>
        <v>13</v>
      </c>
    </row>
    <row r="129" spans="1:69" x14ac:dyDescent="0.15">
      <c r="A129" s="20" t="s">
        <v>71</v>
      </c>
      <c r="B129" s="21" t="s">
        <v>31</v>
      </c>
      <c r="C129" s="46"/>
      <c r="D129" s="22">
        <f>'[1]年齢別人口市区町村(日本人)'!D146</f>
        <v>102675</v>
      </c>
      <c r="E129" s="23">
        <f>'[1]年齢別人口市区町村(外国人)'!D146</f>
        <v>4877</v>
      </c>
      <c r="F129" s="24">
        <f>'[1]年齢別人口市区町村(総数)'!D146</f>
        <v>107552</v>
      </c>
      <c r="G129" s="23">
        <f>'[1]年齢別人口市区町村(日本人)'!E146</f>
        <v>2869</v>
      </c>
      <c r="H129" s="23">
        <f>'[1]年齢別人口市区町村(外国人)'!E146</f>
        <v>237</v>
      </c>
      <c r="I129" s="24">
        <f>'[1]年齢別人口市区町村(総数)'!E146</f>
        <v>3106</v>
      </c>
      <c r="J129" s="23">
        <f>'[1]年齢別人口市区町村(日本人)'!F146</f>
        <v>3521</v>
      </c>
      <c r="K129" s="23">
        <f>'[1]年齢別人口市区町村(外国人)'!F146</f>
        <v>230</v>
      </c>
      <c r="L129" s="24">
        <f>'[1]年齢別人口市区町村(総数)'!F146</f>
        <v>3751</v>
      </c>
      <c r="M129" s="23">
        <f>'[1]年齢別人口市区町村(日本人)'!G146</f>
        <v>4220</v>
      </c>
      <c r="N129" s="23">
        <f>'[1]年齢別人口市区町村(外国人)'!G146</f>
        <v>211</v>
      </c>
      <c r="O129" s="24">
        <f>'[1]年齢別人口市区町村(総数)'!G146</f>
        <v>4431</v>
      </c>
      <c r="P129" s="23">
        <f>'[1]年齢別人口市区町村(日本人)'!H146</f>
        <v>4779</v>
      </c>
      <c r="Q129" s="23">
        <f>'[1]年齢別人口市区町村(外国人)'!H146</f>
        <v>177</v>
      </c>
      <c r="R129" s="24">
        <f>'[1]年齢別人口市区町村(総数)'!H146</f>
        <v>4956</v>
      </c>
      <c r="S129" s="23">
        <f>'[1]年齢別人口市区町村(日本人)'!I146</f>
        <v>5232</v>
      </c>
      <c r="T129" s="23">
        <f>'[1]年齢別人口市区町村(外国人)'!I146</f>
        <v>442</v>
      </c>
      <c r="U129" s="24">
        <f>'[1]年齢別人口市区町村(総数)'!I146</f>
        <v>5674</v>
      </c>
      <c r="V129" s="23">
        <f>'[1]年齢別人口市区町村(日本人)'!J146</f>
        <v>5083</v>
      </c>
      <c r="W129" s="23">
        <f>'[1]年齢別人口市区町村(外国人)'!J146</f>
        <v>696</v>
      </c>
      <c r="X129" s="24">
        <f>'[1]年齢別人口市区町村(総数)'!J146</f>
        <v>5779</v>
      </c>
      <c r="Y129" s="23">
        <f>'[1]年齢別人口市区町村(日本人)'!K146</f>
        <v>4814</v>
      </c>
      <c r="Z129" s="23">
        <f>'[1]年齢別人口市区町村(外国人)'!K146</f>
        <v>623</v>
      </c>
      <c r="AA129" s="24">
        <f>'[1]年齢別人口市区町村(総数)'!K146</f>
        <v>5437</v>
      </c>
      <c r="AB129" s="23">
        <f>'[1]年齢別人口市区町村(日本人)'!L146</f>
        <v>4790</v>
      </c>
      <c r="AC129" s="23">
        <f>'[1]年齢別人口市区町村(外国人)'!L146</f>
        <v>442</v>
      </c>
      <c r="AD129" s="24">
        <f>'[1]年齢別人口市区町村(総数)'!L146</f>
        <v>5232</v>
      </c>
      <c r="AE129" s="23">
        <f>'[1]年齢別人口市区町村(日本人)'!M146</f>
        <v>5848</v>
      </c>
      <c r="AF129" s="23">
        <f>'[1]年齢別人口市区町村(外国人)'!M146</f>
        <v>404</v>
      </c>
      <c r="AG129" s="24">
        <f>'[1]年齢別人口市区町村(総数)'!M146</f>
        <v>6252</v>
      </c>
      <c r="AH129" s="23">
        <f>'[1]年齢別人口市区町村(日本人)'!N146</f>
        <v>6990</v>
      </c>
      <c r="AI129" s="23">
        <f>'[1]年齢別人口市区町村(外国人)'!N146</f>
        <v>366</v>
      </c>
      <c r="AJ129" s="24">
        <f>'[1]年齢別人口市区町村(総数)'!N146</f>
        <v>7356</v>
      </c>
      <c r="AK129" s="23">
        <f>'[1]年齢別人口市区町村(日本人)'!O146</f>
        <v>8770</v>
      </c>
      <c r="AL129" s="23">
        <f>'[1]年齢別人口市区町村(外国人)'!O146</f>
        <v>324</v>
      </c>
      <c r="AM129" s="24">
        <f>'[1]年齢別人口市区町村(総数)'!O146</f>
        <v>9094</v>
      </c>
      <c r="AN129" s="23">
        <f>'[1]年齢別人口市区町村(日本人)'!P146</f>
        <v>7557</v>
      </c>
      <c r="AO129" s="23">
        <f>'[1]年齢別人口市区町村(外国人)'!P146</f>
        <v>278</v>
      </c>
      <c r="AP129" s="24">
        <f>'[1]年齢別人口市区町村(総数)'!P146</f>
        <v>7835</v>
      </c>
      <c r="AQ129" s="23">
        <f>'[1]年齢別人口市区町村(日本人)'!Q146</f>
        <v>6228</v>
      </c>
      <c r="AR129" s="23">
        <f>'[1]年齢別人口市区町村(外国人)'!Q146</f>
        <v>188</v>
      </c>
      <c r="AS129" s="24">
        <f>'[1]年齢別人口市区町村(総数)'!Q146</f>
        <v>6416</v>
      </c>
      <c r="AT129" s="23">
        <f>'[1]年齢別人口市区町村(日本人)'!R146</f>
        <v>5431</v>
      </c>
      <c r="AU129" s="23">
        <f>'[1]年齢別人口市区町村(外国人)'!R146</f>
        <v>110</v>
      </c>
      <c r="AV129" s="24">
        <f>'[1]年齢別人口市区町村(総数)'!R146</f>
        <v>5541</v>
      </c>
      <c r="AW129" s="23">
        <f>'[1]年齢別人口市区町村(日本人)'!S146</f>
        <v>6698</v>
      </c>
      <c r="AX129" s="23">
        <f>'[1]年齢別人口市区町村(外国人)'!S146</f>
        <v>76</v>
      </c>
      <c r="AY129" s="24">
        <f>'[1]年齢別人口市区町村(総数)'!S146</f>
        <v>6774</v>
      </c>
      <c r="AZ129" s="23">
        <f>'[1]年齢別人口市区町村(日本人)'!T146</f>
        <v>8193</v>
      </c>
      <c r="BA129" s="23">
        <f>'[1]年齢別人口市区町村(外国人)'!T146</f>
        <v>36</v>
      </c>
      <c r="BB129" s="24">
        <f>'[1]年齢別人口市区町村(総数)'!T146</f>
        <v>8229</v>
      </c>
      <c r="BC129" s="23">
        <f>'[1]年齢別人口市区町村(日本人)'!U146</f>
        <v>5829</v>
      </c>
      <c r="BD129" s="23">
        <f>'[1]年齢別人口市区町村(外国人)'!U146</f>
        <v>24</v>
      </c>
      <c r="BE129" s="24">
        <f>'[1]年齢別人口市区町村(総数)'!U146</f>
        <v>5853</v>
      </c>
      <c r="BF129" s="23">
        <f>'[1]年齢別人口市区町村(日本人)'!V146</f>
        <v>3607</v>
      </c>
      <c r="BG129" s="23">
        <f>'[1]年齢別人口市区町村(外国人)'!V146</f>
        <v>8</v>
      </c>
      <c r="BH129" s="24">
        <f>'[1]年齢別人口市区町村(総数)'!V146</f>
        <v>3615</v>
      </c>
      <c r="BI129" s="23">
        <f>'[1]年齢別人口市区町村(日本人)'!W146</f>
        <v>1671</v>
      </c>
      <c r="BJ129" s="23">
        <f>'[1]年齢別人口市区町村(外国人)'!W146</f>
        <v>3</v>
      </c>
      <c r="BK129" s="24">
        <f>'[1]年齢別人口市区町村(総数)'!W146</f>
        <v>1674</v>
      </c>
      <c r="BL129" s="23">
        <f>'[1]年齢別人口市区町村(日本人)'!X146</f>
        <v>463</v>
      </c>
      <c r="BM129" s="23">
        <f>'[1]年齢別人口市区町村(外国人)'!X146</f>
        <v>2</v>
      </c>
      <c r="BN129" s="24">
        <f>'[1]年齢別人口市区町村(総数)'!X146</f>
        <v>465</v>
      </c>
      <c r="BO129" s="23">
        <f>'[1]年齢別人口市区町村(日本人)'!Y146</f>
        <v>82</v>
      </c>
      <c r="BP129" s="23">
        <f>'[1]年齢別人口市区町村(外国人)'!Y146</f>
        <v>0</v>
      </c>
      <c r="BQ129" s="61">
        <f>'[1]年齢別人口市区町村(総数)'!Y146</f>
        <v>82</v>
      </c>
    </row>
    <row r="130" spans="1:69" ht="15" thickBot="1" x14ac:dyDescent="0.2">
      <c r="A130" s="29"/>
      <c r="B130" s="25" t="s">
        <v>32</v>
      </c>
      <c r="C130" s="47"/>
      <c r="D130" s="26">
        <f>'[1]年齢別人口市区町村(日本人)'!D144</f>
        <v>211484</v>
      </c>
      <c r="E130" s="27">
        <f>'[1]年齢別人口市区町村(外国人)'!D144</f>
        <v>10920</v>
      </c>
      <c r="F130" s="28">
        <f>'[1]年齢別人口市区町村(総数)'!D144</f>
        <v>222404</v>
      </c>
      <c r="G130" s="27">
        <f>'[1]年齢別人口市区町村(日本人)'!E144</f>
        <v>5724</v>
      </c>
      <c r="H130" s="27">
        <f>'[1]年齢別人口市区町村(外国人)'!E144</f>
        <v>493</v>
      </c>
      <c r="I130" s="28">
        <f>'[1]年齢別人口市区町村(総数)'!E144</f>
        <v>6217</v>
      </c>
      <c r="J130" s="27">
        <f>'[1]年齢別人口市区町村(日本人)'!F144</f>
        <v>7284</v>
      </c>
      <c r="K130" s="27">
        <f>'[1]年齢別人口市区町村(外国人)'!F144</f>
        <v>455</v>
      </c>
      <c r="L130" s="28">
        <f>'[1]年齢別人口市区町村(総数)'!F144</f>
        <v>7739</v>
      </c>
      <c r="M130" s="27">
        <f>'[1]年齢別人口市区町村(日本人)'!G144</f>
        <v>8694</v>
      </c>
      <c r="N130" s="27">
        <f>'[1]年齢別人口市区町村(外国人)'!G144</f>
        <v>395</v>
      </c>
      <c r="O130" s="28">
        <f>'[1]年齢別人口市区町村(総数)'!G144</f>
        <v>9089</v>
      </c>
      <c r="P130" s="27">
        <f>'[1]年齢別人口市区町村(日本人)'!H144</f>
        <v>10007</v>
      </c>
      <c r="Q130" s="27">
        <f>'[1]年齢別人口市区町村(外国人)'!H144</f>
        <v>399</v>
      </c>
      <c r="R130" s="28">
        <f>'[1]年齢別人口市区町村(総数)'!H144</f>
        <v>10406</v>
      </c>
      <c r="S130" s="27">
        <f>'[1]年齢別人口市区町村(日本人)'!I144</f>
        <v>11084</v>
      </c>
      <c r="T130" s="27">
        <f>'[1]年齢別人口市区町村(外国人)'!I144</f>
        <v>1273</v>
      </c>
      <c r="U130" s="28">
        <f>'[1]年齢別人口市区町村(総数)'!I144</f>
        <v>12357</v>
      </c>
      <c r="V130" s="27">
        <f>'[1]年齢別人口市区町村(日本人)'!J144</f>
        <v>11444</v>
      </c>
      <c r="W130" s="27">
        <f>'[1]年齢別人口市区町村(外国人)'!J144</f>
        <v>1709</v>
      </c>
      <c r="X130" s="28">
        <f>'[1]年齢別人口市区町村(総数)'!J144</f>
        <v>13153</v>
      </c>
      <c r="Y130" s="27">
        <f>'[1]年齢別人口市区町村(日本人)'!K144</f>
        <v>10774</v>
      </c>
      <c r="Z130" s="27">
        <f>'[1]年齢別人口市区町村(外国人)'!K144</f>
        <v>1568</v>
      </c>
      <c r="AA130" s="28">
        <f>'[1]年齢別人口市区町村(総数)'!K144</f>
        <v>12342</v>
      </c>
      <c r="AB130" s="27">
        <f>'[1]年齢別人口市区町村(日本人)'!L144</f>
        <v>10769</v>
      </c>
      <c r="AC130" s="27">
        <f>'[1]年齢別人口市区町村(外国人)'!L144</f>
        <v>1125</v>
      </c>
      <c r="AD130" s="28">
        <f>'[1]年齢別人口市区町村(総数)'!L144</f>
        <v>11894</v>
      </c>
      <c r="AE130" s="27">
        <f>'[1]年齢別人口市区町村(日本人)'!M144</f>
        <v>12687</v>
      </c>
      <c r="AF130" s="27">
        <f>'[1]年齢別人口市区町村(外国人)'!M144</f>
        <v>869</v>
      </c>
      <c r="AG130" s="28">
        <f>'[1]年齢別人口市区町村(総数)'!M144</f>
        <v>13556</v>
      </c>
      <c r="AH130" s="27">
        <f>'[1]年齢別人口市区町村(日本人)'!N144</f>
        <v>15215</v>
      </c>
      <c r="AI130" s="27">
        <f>'[1]年齢別人口市区町村(外国人)'!N144</f>
        <v>755</v>
      </c>
      <c r="AJ130" s="28">
        <f>'[1]年齢別人口市区町村(総数)'!N144</f>
        <v>15970</v>
      </c>
      <c r="AK130" s="27">
        <f>'[1]年齢別人口市区町村(日本人)'!O144</f>
        <v>19048</v>
      </c>
      <c r="AL130" s="27">
        <f>'[1]年齢別人口市区町村(外国人)'!O144</f>
        <v>579</v>
      </c>
      <c r="AM130" s="28">
        <f>'[1]年齢別人口市区町村(総数)'!O144</f>
        <v>19627</v>
      </c>
      <c r="AN130" s="27">
        <f>'[1]年齢別人口市区町村(日本人)'!P144</f>
        <v>16533</v>
      </c>
      <c r="AO130" s="27">
        <f>'[1]年齢別人口市区町村(外国人)'!P144</f>
        <v>498</v>
      </c>
      <c r="AP130" s="28">
        <f>'[1]年齢別人口市区町村(総数)'!P144</f>
        <v>17031</v>
      </c>
      <c r="AQ130" s="27">
        <f>'[1]年齢別人口市区町村(日本人)'!Q144</f>
        <v>13408</v>
      </c>
      <c r="AR130" s="27">
        <f>'[1]年齢別人口市区町村(外国人)'!Q144</f>
        <v>348</v>
      </c>
      <c r="AS130" s="28">
        <f>'[1]年齢別人口市区町村(総数)'!Q144</f>
        <v>13756</v>
      </c>
      <c r="AT130" s="27">
        <f>'[1]年齢別人口市区町村(日本人)'!R144</f>
        <v>11183</v>
      </c>
      <c r="AU130" s="27">
        <f>'[1]年齢別人口市区町村(外国人)'!R144</f>
        <v>190</v>
      </c>
      <c r="AV130" s="28">
        <f>'[1]年齢別人口市区町村(総数)'!R144</f>
        <v>11373</v>
      </c>
      <c r="AW130" s="27">
        <f>'[1]年齢別人口市区町村(日本人)'!S144</f>
        <v>12680</v>
      </c>
      <c r="AX130" s="27">
        <f>'[1]年齢別人口市区町村(外国人)'!S144</f>
        <v>129</v>
      </c>
      <c r="AY130" s="28">
        <f>'[1]年齢別人口市区町村(総数)'!S144</f>
        <v>12809</v>
      </c>
      <c r="AZ130" s="27">
        <f>'[1]年齢別人口市区町村(日本人)'!T144</f>
        <v>15119</v>
      </c>
      <c r="BA130" s="27">
        <f>'[1]年齢別人口市区町村(外国人)'!T144</f>
        <v>71</v>
      </c>
      <c r="BB130" s="28">
        <f>'[1]年齢別人口市区町村(総数)'!T144</f>
        <v>15190</v>
      </c>
      <c r="BC130" s="27">
        <f>'[1]年齢別人口市区町村(日本人)'!U144</f>
        <v>10435</v>
      </c>
      <c r="BD130" s="27">
        <f>'[1]年齢別人口市区町村(外国人)'!U144</f>
        <v>46</v>
      </c>
      <c r="BE130" s="28">
        <f>'[1]年齢別人口市区町村(総数)'!U144</f>
        <v>10481</v>
      </c>
      <c r="BF130" s="27">
        <f>'[1]年齢別人口市区町村(日本人)'!V144</f>
        <v>6145</v>
      </c>
      <c r="BG130" s="27">
        <f>'[1]年齢別人口市区町村(外国人)'!V144</f>
        <v>13</v>
      </c>
      <c r="BH130" s="28">
        <f>'[1]年齢別人口市区町村(総数)'!V144</f>
        <v>6158</v>
      </c>
      <c r="BI130" s="27">
        <f>'[1]年齢別人口市区町村(日本人)'!W144</f>
        <v>2544</v>
      </c>
      <c r="BJ130" s="27">
        <f>'[1]年齢別人口市区町村(外国人)'!W144</f>
        <v>3</v>
      </c>
      <c r="BK130" s="28">
        <f>'[1]年齢別人口市区町村(総数)'!W144</f>
        <v>2547</v>
      </c>
      <c r="BL130" s="27">
        <f>'[1]年齢別人口市区町村(日本人)'!X144</f>
        <v>612</v>
      </c>
      <c r="BM130" s="27">
        <f>'[1]年齢別人口市区町村(外国人)'!X144</f>
        <v>2</v>
      </c>
      <c r="BN130" s="28">
        <f>'[1]年齢別人口市区町村(総数)'!X144</f>
        <v>614</v>
      </c>
      <c r="BO130" s="27">
        <f>'[1]年齢別人口市区町村(日本人)'!Y144</f>
        <v>95</v>
      </c>
      <c r="BP130" s="27">
        <f>'[1]年齢別人口市区町村(外国人)'!Y144</f>
        <v>0</v>
      </c>
      <c r="BQ130" s="62">
        <f>'[1]年齢別人口市区町村(総数)'!Y144</f>
        <v>95</v>
      </c>
    </row>
    <row r="131" spans="1:69" x14ac:dyDescent="0.15">
      <c r="A131" s="20"/>
      <c r="B131" s="17" t="s">
        <v>29</v>
      </c>
      <c r="C131" s="45">
        <v>142131</v>
      </c>
      <c r="D131" s="18">
        <f>'[1]年齢別人口市区町村(日本人)'!D148</f>
        <v>118091</v>
      </c>
      <c r="E131" s="19">
        <f>'[1]年齢別人口市区町村(外国人)'!D148</f>
        <v>4650</v>
      </c>
      <c r="F131" s="19">
        <f>'[1]年齢別人口市区町村(総数)'!D148</f>
        <v>122741</v>
      </c>
      <c r="G131" s="19">
        <f>'[1]年齢別人口市区町村(日本人)'!E148</f>
        <v>4425</v>
      </c>
      <c r="H131" s="19">
        <f>'[1]年齢別人口市区町村(外国人)'!E148</f>
        <v>140</v>
      </c>
      <c r="I131" s="19">
        <f>'[1]年齢別人口市区町村(総数)'!E148</f>
        <v>4565</v>
      </c>
      <c r="J131" s="19">
        <f>'[1]年齢別人口市区町村(日本人)'!F148</f>
        <v>4748</v>
      </c>
      <c r="K131" s="19">
        <f>'[1]年齢別人口市区町村(外国人)'!F148</f>
        <v>124</v>
      </c>
      <c r="L131" s="19">
        <f>'[1]年齢別人口市区町村(総数)'!F148</f>
        <v>4872</v>
      </c>
      <c r="M131" s="19">
        <f>'[1]年齢別人口市区町村(日本人)'!G148</f>
        <v>4986</v>
      </c>
      <c r="N131" s="19">
        <f>'[1]年齢別人口市区町村(外国人)'!G148</f>
        <v>148</v>
      </c>
      <c r="O131" s="19">
        <f>'[1]年齢別人口市区町村(総数)'!G148</f>
        <v>5134</v>
      </c>
      <c r="P131" s="19">
        <f>'[1]年齢別人口市区町村(日本人)'!H148</f>
        <v>5138</v>
      </c>
      <c r="Q131" s="19">
        <f>'[1]年齢別人口市区町村(外国人)'!H148</f>
        <v>195</v>
      </c>
      <c r="R131" s="19">
        <f>'[1]年齢別人口市区町村(総数)'!H148</f>
        <v>5333</v>
      </c>
      <c r="S131" s="19">
        <f>'[1]年齢別人口市区町村(日本人)'!I148</f>
        <v>5713</v>
      </c>
      <c r="T131" s="19">
        <f>'[1]年齢別人口市区町村(外国人)'!I148</f>
        <v>592</v>
      </c>
      <c r="U131" s="19">
        <f>'[1]年齢別人口市区町村(総数)'!I148</f>
        <v>6305</v>
      </c>
      <c r="V131" s="19">
        <f>'[1]年齢別人口市区町村(日本人)'!J148</f>
        <v>7109</v>
      </c>
      <c r="W131" s="19">
        <f>'[1]年齢別人口市区町村(外国人)'!J148</f>
        <v>780</v>
      </c>
      <c r="X131" s="19">
        <f>'[1]年齢別人口市区町村(総数)'!J148</f>
        <v>7889</v>
      </c>
      <c r="Y131" s="19">
        <f>'[1]年齢別人口市区町村(日本人)'!K148</f>
        <v>7502</v>
      </c>
      <c r="Z131" s="19">
        <f>'[1]年齢別人口市区町村(外国人)'!K148</f>
        <v>660</v>
      </c>
      <c r="AA131" s="19">
        <f>'[1]年齢別人口市区町村(総数)'!K148</f>
        <v>8162</v>
      </c>
      <c r="AB131" s="19">
        <f>'[1]年齢別人口市区町村(日本人)'!L148</f>
        <v>7424</v>
      </c>
      <c r="AC131" s="19">
        <f>'[1]年齢別人口市区町村(外国人)'!L148</f>
        <v>517</v>
      </c>
      <c r="AD131" s="19">
        <f>'[1]年齢別人口市区町村(総数)'!L148</f>
        <v>7941</v>
      </c>
      <c r="AE131" s="19">
        <f>'[1]年齢別人口市区町村(日本人)'!M148</f>
        <v>7938</v>
      </c>
      <c r="AF131" s="19">
        <f>'[1]年齢別人口市区町村(外国人)'!M148</f>
        <v>295</v>
      </c>
      <c r="AG131" s="19">
        <f>'[1]年齢別人口市区町村(総数)'!M148</f>
        <v>8233</v>
      </c>
      <c r="AH131" s="19">
        <f>'[1]年齢別人口市区町村(日本人)'!N148</f>
        <v>8949</v>
      </c>
      <c r="AI131" s="19">
        <f>'[1]年齢別人口市区町村(外国人)'!N148</f>
        <v>271</v>
      </c>
      <c r="AJ131" s="19">
        <f>'[1]年齢別人口市区町村(総数)'!N148</f>
        <v>9220</v>
      </c>
      <c r="AK131" s="19">
        <f>'[1]年齢別人口市区町村(日本人)'!O148</f>
        <v>10752</v>
      </c>
      <c r="AL131" s="19">
        <f>'[1]年齢別人口市区町村(外国人)'!O148</f>
        <v>233</v>
      </c>
      <c r="AM131" s="19">
        <f>'[1]年齢別人口市区町村(総数)'!O148</f>
        <v>10985</v>
      </c>
      <c r="AN131" s="19">
        <f>'[1]年齢別人口市区町村(日本人)'!P148</f>
        <v>9584</v>
      </c>
      <c r="AO131" s="19">
        <f>'[1]年齢別人口市区町村(外国人)'!P148</f>
        <v>257</v>
      </c>
      <c r="AP131" s="19">
        <f>'[1]年齢別人口市区町村(総数)'!P148</f>
        <v>9841</v>
      </c>
      <c r="AQ131" s="19">
        <f>'[1]年齢別人口市区町村(日本人)'!Q148</f>
        <v>7838</v>
      </c>
      <c r="AR131" s="19">
        <f>'[1]年齢別人口市区町村(外国人)'!Q148</f>
        <v>184</v>
      </c>
      <c r="AS131" s="19">
        <f>'[1]年齢別人口市区町村(総数)'!Q148</f>
        <v>8022</v>
      </c>
      <c r="AT131" s="19">
        <f>'[1]年齢別人口市区町村(日本人)'!R148</f>
        <v>6069</v>
      </c>
      <c r="AU131" s="19">
        <f>'[1]年齢別人口市区町村(外国人)'!R148</f>
        <v>116</v>
      </c>
      <c r="AV131" s="19">
        <f>'[1]年齢別人口市区町村(総数)'!R148</f>
        <v>6185</v>
      </c>
      <c r="AW131" s="19">
        <f>'[1]年齢別人口市区町村(日本人)'!S148</f>
        <v>5621</v>
      </c>
      <c r="AX131" s="19">
        <f>'[1]年齢別人口市区町村(外国人)'!S148</f>
        <v>75</v>
      </c>
      <c r="AY131" s="19">
        <f>'[1]年齢別人口市区町村(総数)'!S148</f>
        <v>5696</v>
      </c>
      <c r="AZ131" s="19">
        <f>'[1]年齢別人口市区町村(日本人)'!T148</f>
        <v>6110</v>
      </c>
      <c r="BA131" s="19">
        <f>'[1]年齢別人口市区町村(外国人)'!T148</f>
        <v>32</v>
      </c>
      <c r="BB131" s="19">
        <f>'[1]年齢別人口市区町村(総数)'!T148</f>
        <v>6142</v>
      </c>
      <c r="BC131" s="19">
        <f>'[1]年齢別人口市区町村(日本人)'!U148</f>
        <v>4416</v>
      </c>
      <c r="BD131" s="19">
        <f>'[1]年齢別人口市区町村(外国人)'!U148</f>
        <v>20</v>
      </c>
      <c r="BE131" s="19">
        <f>'[1]年齢別人口市区町村(総数)'!U148</f>
        <v>4436</v>
      </c>
      <c r="BF131" s="19">
        <f>'[1]年齢別人口市区町村(日本人)'!V148</f>
        <v>2702</v>
      </c>
      <c r="BG131" s="19">
        <f>'[1]年齢別人口市区町村(外国人)'!V148</f>
        <v>7</v>
      </c>
      <c r="BH131" s="19">
        <f>'[1]年齢別人口市区町村(総数)'!V148</f>
        <v>2709</v>
      </c>
      <c r="BI131" s="19">
        <f>'[1]年齢別人口市区町村(日本人)'!W148</f>
        <v>895</v>
      </c>
      <c r="BJ131" s="19">
        <f>'[1]年齢別人口市区町村(外国人)'!W148</f>
        <v>3</v>
      </c>
      <c r="BK131" s="19">
        <f>'[1]年齢別人口市区町村(総数)'!W148</f>
        <v>898</v>
      </c>
      <c r="BL131" s="19">
        <f>'[1]年齢別人口市区町村(日本人)'!X148</f>
        <v>165</v>
      </c>
      <c r="BM131" s="19">
        <f>'[1]年齢別人口市区町村(外国人)'!X148</f>
        <v>1</v>
      </c>
      <c r="BN131" s="19">
        <f>'[1]年齢別人口市区町村(総数)'!X148</f>
        <v>166</v>
      </c>
      <c r="BO131" s="19">
        <f>'[1]年齢別人口市区町村(日本人)'!Y148</f>
        <v>7</v>
      </c>
      <c r="BP131" s="19">
        <f>'[1]年齢別人口市区町村(外国人)'!Y148</f>
        <v>0</v>
      </c>
      <c r="BQ131" s="60">
        <f>'[1]年齢別人口市区町村(総数)'!Y148</f>
        <v>7</v>
      </c>
    </row>
    <row r="132" spans="1:69" x14ac:dyDescent="0.15">
      <c r="A132" s="20" t="s">
        <v>72</v>
      </c>
      <c r="B132" s="21" t="s">
        <v>31</v>
      </c>
      <c r="C132" s="46"/>
      <c r="D132" s="22">
        <f>'[1]年齢別人口市区町村(日本人)'!D149</f>
        <v>119072</v>
      </c>
      <c r="E132" s="23">
        <f>'[1]年齢別人口市区町村(外国人)'!D149</f>
        <v>4687</v>
      </c>
      <c r="F132" s="24">
        <f>'[1]年齢別人口市区町村(総数)'!D149</f>
        <v>123759</v>
      </c>
      <c r="G132" s="23">
        <f>'[1]年齢別人口市区町村(日本人)'!E149</f>
        <v>4149</v>
      </c>
      <c r="H132" s="23">
        <f>'[1]年齢別人口市区町村(外国人)'!E149</f>
        <v>125</v>
      </c>
      <c r="I132" s="24">
        <f>'[1]年齢別人口市区町村(総数)'!E149</f>
        <v>4274</v>
      </c>
      <c r="J132" s="23">
        <f>'[1]年齢別人口市区町村(日本人)'!F149</f>
        <v>4683</v>
      </c>
      <c r="K132" s="23">
        <f>'[1]年齢別人口市区町村(外国人)'!F149</f>
        <v>153</v>
      </c>
      <c r="L132" s="24">
        <f>'[1]年齢別人口市区町村(総数)'!F149</f>
        <v>4836</v>
      </c>
      <c r="M132" s="23">
        <f>'[1]年齢別人口市区町村(日本人)'!G149</f>
        <v>4831</v>
      </c>
      <c r="N132" s="23">
        <f>'[1]年齢別人口市区町村(外国人)'!G149</f>
        <v>129</v>
      </c>
      <c r="O132" s="24">
        <f>'[1]年齢別人口市区町村(総数)'!G149</f>
        <v>4960</v>
      </c>
      <c r="P132" s="23">
        <f>'[1]年齢別人口市区町村(日本人)'!H149</f>
        <v>4962</v>
      </c>
      <c r="Q132" s="23">
        <f>'[1]年齢別人口市区町村(外国人)'!H149</f>
        <v>161</v>
      </c>
      <c r="R132" s="24">
        <f>'[1]年齢別人口市区町村(総数)'!H149</f>
        <v>5123</v>
      </c>
      <c r="S132" s="23">
        <f>'[1]年齢別人口市区町村(日本人)'!I149</f>
        <v>5557</v>
      </c>
      <c r="T132" s="23">
        <f>'[1]年齢別人口市区町村(外国人)'!I149</f>
        <v>571</v>
      </c>
      <c r="U132" s="24">
        <f>'[1]年齢別人口市区町村(総数)'!I149</f>
        <v>6128</v>
      </c>
      <c r="V132" s="23">
        <f>'[1]年齢別人口市区町村(日本人)'!J149</f>
        <v>7016</v>
      </c>
      <c r="W132" s="23">
        <f>'[1]年齢別人口市区町村(外国人)'!J149</f>
        <v>592</v>
      </c>
      <c r="X132" s="24">
        <f>'[1]年齢別人口市区町村(総数)'!J149</f>
        <v>7608</v>
      </c>
      <c r="Y132" s="23">
        <f>'[1]年齢別人口市区町村(日本人)'!K149</f>
        <v>7143</v>
      </c>
      <c r="Z132" s="23">
        <f>'[1]年齢別人口市区町村(外国人)'!K149</f>
        <v>452</v>
      </c>
      <c r="AA132" s="24">
        <f>'[1]年齢別人口市区町村(総数)'!K149</f>
        <v>7595</v>
      </c>
      <c r="AB132" s="23">
        <f>'[1]年齢別人口市区町村(日本人)'!L149</f>
        <v>6974</v>
      </c>
      <c r="AC132" s="23">
        <f>'[1]年齢別人口市区町村(外国人)'!L149</f>
        <v>394</v>
      </c>
      <c r="AD132" s="24">
        <f>'[1]年齢別人口市区町村(総数)'!L149</f>
        <v>7368</v>
      </c>
      <c r="AE132" s="23">
        <f>'[1]年齢別人口市区町村(日本人)'!M149</f>
        <v>7335</v>
      </c>
      <c r="AF132" s="23">
        <f>'[1]年齢別人口市区町村(外国人)'!M149</f>
        <v>369</v>
      </c>
      <c r="AG132" s="24">
        <f>'[1]年齢別人口市区町村(総数)'!M149</f>
        <v>7704</v>
      </c>
      <c r="AH132" s="23">
        <f>'[1]年齢別人口市区町村(日本人)'!N149</f>
        <v>8076</v>
      </c>
      <c r="AI132" s="23">
        <f>'[1]年齢別人口市区町村(外国人)'!N149</f>
        <v>363</v>
      </c>
      <c r="AJ132" s="24">
        <f>'[1]年齢別人口市区町村(総数)'!N149</f>
        <v>8439</v>
      </c>
      <c r="AK132" s="23">
        <f>'[1]年齢別人口市区町村(日本人)'!O149</f>
        <v>9782</v>
      </c>
      <c r="AL132" s="23">
        <f>'[1]年齢別人口市区町村(外国人)'!O149</f>
        <v>358</v>
      </c>
      <c r="AM132" s="24">
        <f>'[1]年齢別人口市区町村(総数)'!O149</f>
        <v>10140</v>
      </c>
      <c r="AN132" s="23">
        <f>'[1]年齢別人口市区町村(日本人)'!P149</f>
        <v>8869</v>
      </c>
      <c r="AO132" s="23">
        <f>'[1]年齢別人口市区町村(外国人)'!P149</f>
        <v>377</v>
      </c>
      <c r="AP132" s="24">
        <f>'[1]年齢別人口市区町村(総数)'!P149</f>
        <v>9246</v>
      </c>
      <c r="AQ132" s="23">
        <f>'[1]年齢別人口市区町村(日本人)'!Q149</f>
        <v>7173</v>
      </c>
      <c r="AR132" s="23">
        <f>'[1]年齢別人口市区町村(外国人)'!Q149</f>
        <v>251</v>
      </c>
      <c r="AS132" s="24">
        <f>'[1]年齢別人口市区町村(総数)'!Q149</f>
        <v>7424</v>
      </c>
      <c r="AT132" s="23">
        <f>'[1]年齢別人口市区町村(日本人)'!R149</f>
        <v>5771</v>
      </c>
      <c r="AU132" s="23">
        <f>'[1]年齢別人口市区町村(外国人)'!R149</f>
        <v>182</v>
      </c>
      <c r="AV132" s="24">
        <f>'[1]年齢別人口市区町村(総数)'!R149</f>
        <v>5953</v>
      </c>
      <c r="AW132" s="23">
        <f>'[1]年齢別人口市区町村(日本人)'!S149</f>
        <v>5957</v>
      </c>
      <c r="AX132" s="23">
        <f>'[1]年齢別人口市区町村(外国人)'!S149</f>
        <v>90</v>
      </c>
      <c r="AY132" s="24">
        <f>'[1]年齢別人口市区町村(総数)'!S149</f>
        <v>6047</v>
      </c>
      <c r="AZ132" s="23">
        <f>'[1]年齢別人口市区町村(日本人)'!T149</f>
        <v>7819</v>
      </c>
      <c r="BA132" s="23">
        <f>'[1]年齢別人口市区町村(外国人)'!T149</f>
        <v>58</v>
      </c>
      <c r="BB132" s="24">
        <f>'[1]年齢別人口市区町村(総数)'!T149</f>
        <v>7877</v>
      </c>
      <c r="BC132" s="23">
        <f>'[1]年齢別人口市区町村(日本人)'!U149</f>
        <v>6307</v>
      </c>
      <c r="BD132" s="23">
        <f>'[1]年齢別人口市区町村(外国人)'!U149</f>
        <v>37</v>
      </c>
      <c r="BE132" s="24">
        <f>'[1]年齢別人口市区町村(総数)'!U149</f>
        <v>6344</v>
      </c>
      <c r="BF132" s="23">
        <f>'[1]年齢別人口市区町村(日本人)'!V149</f>
        <v>4004</v>
      </c>
      <c r="BG132" s="23">
        <f>'[1]年齢別人口市区町村(外国人)'!V149</f>
        <v>16</v>
      </c>
      <c r="BH132" s="24">
        <f>'[1]年齢別人口市区町村(総数)'!V149</f>
        <v>4020</v>
      </c>
      <c r="BI132" s="23">
        <f>'[1]年齢別人口市区町村(日本人)'!W149</f>
        <v>2021</v>
      </c>
      <c r="BJ132" s="23">
        <f>'[1]年齢別人口市区町村(外国人)'!W149</f>
        <v>7</v>
      </c>
      <c r="BK132" s="24">
        <f>'[1]年齢別人口市区町村(総数)'!W149</f>
        <v>2028</v>
      </c>
      <c r="BL132" s="23">
        <f>'[1]年齢別人口市区町村(日本人)'!X149</f>
        <v>546</v>
      </c>
      <c r="BM132" s="23">
        <f>'[1]年齢別人口市区町村(外国人)'!X149</f>
        <v>2</v>
      </c>
      <c r="BN132" s="24">
        <f>'[1]年齢別人口市区町村(総数)'!X149</f>
        <v>548</v>
      </c>
      <c r="BO132" s="23">
        <f>'[1]年齢別人口市区町村(日本人)'!Y149</f>
        <v>97</v>
      </c>
      <c r="BP132" s="23">
        <f>'[1]年齢別人口市区町村(外国人)'!Y149</f>
        <v>0</v>
      </c>
      <c r="BQ132" s="61">
        <f>'[1]年齢別人口市区町村(総数)'!Y149</f>
        <v>97</v>
      </c>
    </row>
    <row r="133" spans="1:69" ht="15" thickBot="1" x14ac:dyDescent="0.2">
      <c r="A133" s="29"/>
      <c r="B133" s="25" t="s">
        <v>32</v>
      </c>
      <c r="C133" s="47"/>
      <c r="D133" s="26">
        <f>'[1]年齢別人口市区町村(日本人)'!D147</f>
        <v>237163</v>
      </c>
      <c r="E133" s="27">
        <f>'[1]年齢別人口市区町村(外国人)'!D147</f>
        <v>9337</v>
      </c>
      <c r="F133" s="28">
        <f>'[1]年齢別人口市区町村(総数)'!D147</f>
        <v>246500</v>
      </c>
      <c r="G133" s="27">
        <f>'[1]年齢別人口市区町村(日本人)'!E147</f>
        <v>8574</v>
      </c>
      <c r="H133" s="27">
        <f>'[1]年齢別人口市区町村(外国人)'!E147</f>
        <v>265</v>
      </c>
      <c r="I133" s="28">
        <f>'[1]年齢別人口市区町村(総数)'!E147</f>
        <v>8839</v>
      </c>
      <c r="J133" s="27">
        <f>'[1]年齢別人口市区町村(日本人)'!F147</f>
        <v>9431</v>
      </c>
      <c r="K133" s="27">
        <f>'[1]年齢別人口市区町村(外国人)'!F147</f>
        <v>277</v>
      </c>
      <c r="L133" s="28">
        <f>'[1]年齢別人口市区町村(総数)'!F147</f>
        <v>9708</v>
      </c>
      <c r="M133" s="27">
        <f>'[1]年齢別人口市区町村(日本人)'!G147</f>
        <v>9817</v>
      </c>
      <c r="N133" s="27">
        <f>'[1]年齢別人口市区町村(外国人)'!G147</f>
        <v>277</v>
      </c>
      <c r="O133" s="28">
        <f>'[1]年齢別人口市区町村(総数)'!G147</f>
        <v>10094</v>
      </c>
      <c r="P133" s="27">
        <f>'[1]年齢別人口市区町村(日本人)'!H147</f>
        <v>10100</v>
      </c>
      <c r="Q133" s="27">
        <f>'[1]年齢別人口市区町村(外国人)'!H147</f>
        <v>356</v>
      </c>
      <c r="R133" s="28">
        <f>'[1]年齢別人口市区町村(総数)'!H147</f>
        <v>10456</v>
      </c>
      <c r="S133" s="27">
        <f>'[1]年齢別人口市区町村(日本人)'!I147</f>
        <v>11270</v>
      </c>
      <c r="T133" s="27">
        <f>'[1]年齢別人口市区町村(外国人)'!I147</f>
        <v>1163</v>
      </c>
      <c r="U133" s="28">
        <f>'[1]年齢別人口市区町村(総数)'!I147</f>
        <v>12433</v>
      </c>
      <c r="V133" s="27">
        <f>'[1]年齢別人口市区町村(日本人)'!J147</f>
        <v>14125</v>
      </c>
      <c r="W133" s="27">
        <f>'[1]年齢別人口市区町村(外国人)'!J147</f>
        <v>1372</v>
      </c>
      <c r="X133" s="28">
        <f>'[1]年齢別人口市区町村(総数)'!J147</f>
        <v>15497</v>
      </c>
      <c r="Y133" s="27">
        <f>'[1]年齢別人口市区町村(日本人)'!K147</f>
        <v>14645</v>
      </c>
      <c r="Z133" s="27">
        <f>'[1]年齢別人口市区町村(外国人)'!K147</f>
        <v>1112</v>
      </c>
      <c r="AA133" s="28">
        <f>'[1]年齢別人口市区町村(総数)'!K147</f>
        <v>15757</v>
      </c>
      <c r="AB133" s="27">
        <f>'[1]年齢別人口市区町村(日本人)'!L147</f>
        <v>14398</v>
      </c>
      <c r="AC133" s="27">
        <f>'[1]年齢別人口市区町村(外国人)'!L147</f>
        <v>911</v>
      </c>
      <c r="AD133" s="28">
        <f>'[1]年齢別人口市区町村(総数)'!L147</f>
        <v>15309</v>
      </c>
      <c r="AE133" s="27">
        <f>'[1]年齢別人口市区町村(日本人)'!M147</f>
        <v>15273</v>
      </c>
      <c r="AF133" s="27">
        <f>'[1]年齢別人口市区町村(外国人)'!M147</f>
        <v>664</v>
      </c>
      <c r="AG133" s="28">
        <f>'[1]年齢別人口市区町村(総数)'!M147</f>
        <v>15937</v>
      </c>
      <c r="AH133" s="27">
        <f>'[1]年齢別人口市区町村(日本人)'!N147</f>
        <v>17025</v>
      </c>
      <c r="AI133" s="27">
        <f>'[1]年齢別人口市区町村(外国人)'!N147</f>
        <v>634</v>
      </c>
      <c r="AJ133" s="28">
        <f>'[1]年齢別人口市区町村(総数)'!N147</f>
        <v>17659</v>
      </c>
      <c r="AK133" s="27">
        <f>'[1]年齢別人口市区町村(日本人)'!O147</f>
        <v>20534</v>
      </c>
      <c r="AL133" s="27">
        <f>'[1]年齢別人口市区町村(外国人)'!O147</f>
        <v>591</v>
      </c>
      <c r="AM133" s="28">
        <f>'[1]年齢別人口市区町村(総数)'!O147</f>
        <v>21125</v>
      </c>
      <c r="AN133" s="27">
        <f>'[1]年齢別人口市区町村(日本人)'!P147</f>
        <v>18453</v>
      </c>
      <c r="AO133" s="27">
        <f>'[1]年齢別人口市区町村(外国人)'!P147</f>
        <v>634</v>
      </c>
      <c r="AP133" s="28">
        <f>'[1]年齢別人口市区町村(総数)'!P147</f>
        <v>19087</v>
      </c>
      <c r="AQ133" s="27">
        <f>'[1]年齢別人口市区町村(日本人)'!Q147</f>
        <v>15011</v>
      </c>
      <c r="AR133" s="27">
        <f>'[1]年齢別人口市区町村(外国人)'!Q147</f>
        <v>435</v>
      </c>
      <c r="AS133" s="28">
        <f>'[1]年齢別人口市区町村(総数)'!Q147</f>
        <v>15446</v>
      </c>
      <c r="AT133" s="27">
        <f>'[1]年齢別人口市区町村(日本人)'!R147</f>
        <v>11840</v>
      </c>
      <c r="AU133" s="27">
        <f>'[1]年齢別人口市区町村(外国人)'!R147</f>
        <v>298</v>
      </c>
      <c r="AV133" s="28">
        <f>'[1]年齢別人口市区町村(総数)'!R147</f>
        <v>12138</v>
      </c>
      <c r="AW133" s="27">
        <f>'[1]年齢別人口市区町村(日本人)'!S147</f>
        <v>11578</v>
      </c>
      <c r="AX133" s="27">
        <f>'[1]年齢別人口市区町村(外国人)'!S147</f>
        <v>165</v>
      </c>
      <c r="AY133" s="28">
        <f>'[1]年齢別人口市区町村(総数)'!S147</f>
        <v>11743</v>
      </c>
      <c r="AZ133" s="27">
        <f>'[1]年齢別人口市区町村(日本人)'!T147</f>
        <v>13929</v>
      </c>
      <c r="BA133" s="27">
        <f>'[1]年齢別人口市区町村(外国人)'!T147</f>
        <v>90</v>
      </c>
      <c r="BB133" s="28">
        <f>'[1]年齢別人口市区町村(総数)'!T147</f>
        <v>14019</v>
      </c>
      <c r="BC133" s="27">
        <f>'[1]年齢別人口市区町村(日本人)'!U147</f>
        <v>10723</v>
      </c>
      <c r="BD133" s="27">
        <f>'[1]年齢別人口市区町村(外国人)'!U147</f>
        <v>57</v>
      </c>
      <c r="BE133" s="28">
        <f>'[1]年齢別人口市区町村(総数)'!U147</f>
        <v>10780</v>
      </c>
      <c r="BF133" s="27">
        <f>'[1]年齢別人口市区町村(日本人)'!V147</f>
        <v>6706</v>
      </c>
      <c r="BG133" s="27">
        <f>'[1]年齢別人口市区町村(外国人)'!V147</f>
        <v>23</v>
      </c>
      <c r="BH133" s="28">
        <f>'[1]年齢別人口市区町村(総数)'!V147</f>
        <v>6729</v>
      </c>
      <c r="BI133" s="27">
        <f>'[1]年齢別人口市区町村(日本人)'!W147</f>
        <v>2916</v>
      </c>
      <c r="BJ133" s="27">
        <f>'[1]年齢別人口市区町村(外国人)'!W147</f>
        <v>10</v>
      </c>
      <c r="BK133" s="28">
        <f>'[1]年齢別人口市区町村(総数)'!W147</f>
        <v>2926</v>
      </c>
      <c r="BL133" s="27">
        <f>'[1]年齢別人口市区町村(日本人)'!X147</f>
        <v>711</v>
      </c>
      <c r="BM133" s="27">
        <f>'[1]年齢別人口市区町村(外国人)'!X147</f>
        <v>3</v>
      </c>
      <c r="BN133" s="28">
        <f>'[1]年齢別人口市区町村(総数)'!X147</f>
        <v>714</v>
      </c>
      <c r="BO133" s="27">
        <f>'[1]年齢別人口市区町村(日本人)'!Y147</f>
        <v>104</v>
      </c>
      <c r="BP133" s="27">
        <f>'[1]年齢別人口市区町村(外国人)'!Y147</f>
        <v>0</v>
      </c>
      <c r="BQ133" s="62">
        <f>'[1]年齢別人口市区町村(総数)'!Y147</f>
        <v>104</v>
      </c>
    </row>
    <row r="134" spans="1:69" x14ac:dyDescent="0.15">
      <c r="A134" s="20"/>
      <c r="B134" s="17" t="s">
        <v>29</v>
      </c>
      <c r="C134" s="45">
        <v>142140</v>
      </c>
      <c r="D134" s="18">
        <f>'[1]年齢別人口市区町村(日本人)'!D151</f>
        <v>48324</v>
      </c>
      <c r="E134" s="19">
        <f>'[1]年齢別人口市区町村(外国人)'!D151</f>
        <v>1928</v>
      </c>
      <c r="F134" s="19">
        <f>'[1]年齢別人口市区町村(総数)'!D151</f>
        <v>50252</v>
      </c>
      <c r="G134" s="19">
        <f>'[1]年齢別人口市区町村(日本人)'!E151</f>
        <v>1419</v>
      </c>
      <c r="H134" s="19">
        <f>'[1]年齢別人口市区町村(外国人)'!E151</f>
        <v>90</v>
      </c>
      <c r="I134" s="19">
        <f>'[1]年齢別人口市区町村(総数)'!E151</f>
        <v>1509</v>
      </c>
      <c r="J134" s="19">
        <f>'[1]年齢別人口市区町村(日本人)'!F151</f>
        <v>1793</v>
      </c>
      <c r="K134" s="19">
        <f>'[1]年齢別人口市区町村(外国人)'!F151</f>
        <v>71</v>
      </c>
      <c r="L134" s="19">
        <f>'[1]年齢別人口市区町村(総数)'!F151</f>
        <v>1864</v>
      </c>
      <c r="M134" s="19">
        <f>'[1]年齢別人口市区町村(日本人)'!G151</f>
        <v>1974</v>
      </c>
      <c r="N134" s="19">
        <f>'[1]年齢別人口市区町村(外国人)'!G151</f>
        <v>55</v>
      </c>
      <c r="O134" s="19">
        <f>'[1]年齢別人口市区町村(総数)'!G151</f>
        <v>2029</v>
      </c>
      <c r="P134" s="19">
        <f>'[1]年齢別人口市区町村(日本人)'!H151</f>
        <v>2106</v>
      </c>
      <c r="Q134" s="19">
        <f>'[1]年齢別人口市区町村(外国人)'!H151</f>
        <v>58</v>
      </c>
      <c r="R134" s="19">
        <f>'[1]年齢別人口市区町村(総数)'!H151</f>
        <v>2164</v>
      </c>
      <c r="S134" s="19">
        <f>'[1]年齢別人口市区町村(日本人)'!I151</f>
        <v>2625</v>
      </c>
      <c r="T134" s="19">
        <f>'[1]年齢別人口市区町村(外国人)'!I151</f>
        <v>328</v>
      </c>
      <c r="U134" s="19">
        <f>'[1]年齢別人口市区町村(総数)'!I151</f>
        <v>2953</v>
      </c>
      <c r="V134" s="19">
        <f>'[1]年齢別人口市区町村(日本人)'!J151</f>
        <v>2843</v>
      </c>
      <c r="W134" s="19">
        <f>'[1]年齢別人口市区町村(外国人)'!J151</f>
        <v>397</v>
      </c>
      <c r="X134" s="19">
        <f>'[1]年齢別人口市区町村(総数)'!J151</f>
        <v>3240</v>
      </c>
      <c r="Y134" s="19">
        <f>'[1]年齢別人口市区町村(日本人)'!K151</f>
        <v>2717</v>
      </c>
      <c r="Z134" s="19">
        <f>'[1]年齢別人口市区町村(外国人)'!K151</f>
        <v>302</v>
      </c>
      <c r="AA134" s="19">
        <f>'[1]年齢別人口市区町村(総数)'!K151</f>
        <v>3019</v>
      </c>
      <c r="AB134" s="19">
        <f>'[1]年齢別人口市区町村(日本人)'!L151</f>
        <v>2608</v>
      </c>
      <c r="AC134" s="19">
        <f>'[1]年齢別人口市区町村(外国人)'!L151</f>
        <v>221</v>
      </c>
      <c r="AD134" s="19">
        <f>'[1]年齢別人口市区町村(総数)'!L151</f>
        <v>2829</v>
      </c>
      <c r="AE134" s="19">
        <f>'[1]年齢別人口市区町村(日本人)'!M151</f>
        <v>3021</v>
      </c>
      <c r="AF134" s="19">
        <f>'[1]年齢別人口市区町村(外国人)'!M151</f>
        <v>154</v>
      </c>
      <c r="AG134" s="19">
        <f>'[1]年齢別人口市区町村(総数)'!M151</f>
        <v>3175</v>
      </c>
      <c r="AH134" s="19">
        <f>'[1]年齢別人口市区町村(日本人)'!N151</f>
        <v>3510</v>
      </c>
      <c r="AI134" s="19">
        <f>'[1]年齢別人口市区町村(外国人)'!N151</f>
        <v>83</v>
      </c>
      <c r="AJ134" s="19">
        <f>'[1]年齢別人口市区町村(総数)'!N151</f>
        <v>3593</v>
      </c>
      <c r="AK134" s="19">
        <f>'[1]年齢別人口市区町村(日本人)'!O151</f>
        <v>4264</v>
      </c>
      <c r="AL134" s="19">
        <f>'[1]年齢別人口市区町村(外国人)'!O151</f>
        <v>53</v>
      </c>
      <c r="AM134" s="19">
        <f>'[1]年齢別人口市区町村(総数)'!O151</f>
        <v>4317</v>
      </c>
      <c r="AN134" s="19">
        <f>'[1]年齢別人口市区町村(日本人)'!P151</f>
        <v>3941</v>
      </c>
      <c r="AO134" s="19">
        <f>'[1]年齢別人口市区町村(外国人)'!P151</f>
        <v>43</v>
      </c>
      <c r="AP134" s="19">
        <f>'[1]年齢別人口市区町村(総数)'!P151</f>
        <v>3984</v>
      </c>
      <c r="AQ134" s="19">
        <f>'[1]年齢別人口市区町村(日本人)'!Q151</f>
        <v>3275</v>
      </c>
      <c r="AR134" s="19">
        <f>'[1]年齢別人口市区町村(外国人)'!Q151</f>
        <v>30</v>
      </c>
      <c r="AS134" s="19">
        <f>'[1]年齢別人口市区町村(総数)'!Q151</f>
        <v>3305</v>
      </c>
      <c r="AT134" s="19">
        <f>'[1]年齢別人口市区町村(日本人)'!R151</f>
        <v>2513</v>
      </c>
      <c r="AU134" s="19">
        <f>'[1]年齢別人口市区町村(外国人)'!R151</f>
        <v>27</v>
      </c>
      <c r="AV134" s="19">
        <f>'[1]年齢別人口市区町村(総数)'!R151</f>
        <v>2540</v>
      </c>
      <c r="AW134" s="19">
        <f>'[1]年齢別人口市区町村(日本人)'!S151</f>
        <v>2698</v>
      </c>
      <c r="AX134" s="19">
        <f>'[1]年齢別人口市区町村(外国人)'!S151</f>
        <v>9</v>
      </c>
      <c r="AY134" s="19">
        <f>'[1]年齢別人口市区町村(総数)'!S151</f>
        <v>2707</v>
      </c>
      <c r="AZ134" s="19">
        <f>'[1]年齢別人口市区町村(日本人)'!T151</f>
        <v>3082</v>
      </c>
      <c r="BA134" s="19">
        <f>'[1]年齢別人口市区町村(外国人)'!T151</f>
        <v>6</v>
      </c>
      <c r="BB134" s="19">
        <f>'[1]年齢別人口市区町村(総数)'!T151</f>
        <v>3088</v>
      </c>
      <c r="BC134" s="19">
        <f>'[1]年齢別人口市区町村(日本人)'!U151</f>
        <v>2128</v>
      </c>
      <c r="BD134" s="19">
        <f>'[1]年齢別人口市区町村(外国人)'!U151</f>
        <v>1</v>
      </c>
      <c r="BE134" s="19">
        <f>'[1]年齢別人口市区町村(総数)'!U151</f>
        <v>2129</v>
      </c>
      <c r="BF134" s="19">
        <f>'[1]年齢別人口市区町村(日本人)'!V151</f>
        <v>1237</v>
      </c>
      <c r="BG134" s="19">
        <f>'[1]年齢別人口市区町村(外国人)'!V151</f>
        <v>0</v>
      </c>
      <c r="BH134" s="19">
        <f>'[1]年齢別人口市区町村(総数)'!V151</f>
        <v>1237</v>
      </c>
      <c r="BI134" s="19">
        <f>'[1]年齢別人口市区町村(日本人)'!W151</f>
        <v>478</v>
      </c>
      <c r="BJ134" s="19">
        <f>'[1]年齢別人口市区町村(外国人)'!W151</f>
        <v>0</v>
      </c>
      <c r="BK134" s="19">
        <f>'[1]年齢別人口市区町村(総数)'!W151</f>
        <v>478</v>
      </c>
      <c r="BL134" s="19">
        <f>'[1]年齢別人口市区町村(日本人)'!X151</f>
        <v>86</v>
      </c>
      <c r="BM134" s="19">
        <f>'[1]年齢別人口市区町村(外国人)'!X151</f>
        <v>0</v>
      </c>
      <c r="BN134" s="19">
        <f>'[1]年齢別人口市区町村(総数)'!X151</f>
        <v>86</v>
      </c>
      <c r="BO134" s="19">
        <f>'[1]年齢別人口市区町村(日本人)'!Y151</f>
        <v>6</v>
      </c>
      <c r="BP134" s="19">
        <f>'[1]年齢別人口市区町村(外国人)'!Y151</f>
        <v>0</v>
      </c>
      <c r="BQ134" s="60">
        <f>'[1]年齢別人口市区町村(総数)'!Y151</f>
        <v>6</v>
      </c>
    </row>
    <row r="135" spans="1:69" x14ac:dyDescent="0.15">
      <c r="A135" s="20" t="s">
        <v>73</v>
      </c>
      <c r="B135" s="21" t="s">
        <v>31</v>
      </c>
      <c r="C135" s="46"/>
      <c r="D135" s="22">
        <f>'[1]年齢別人口市区町村(日本人)'!D152</f>
        <v>47153</v>
      </c>
      <c r="E135" s="23">
        <f>'[1]年齢別人口市区町村(外国人)'!D152</f>
        <v>1647</v>
      </c>
      <c r="F135" s="24">
        <f>'[1]年齢別人口市区町村(総数)'!D152</f>
        <v>48800</v>
      </c>
      <c r="G135" s="23">
        <f>'[1]年齢別人口市区町村(日本人)'!E152</f>
        <v>1365</v>
      </c>
      <c r="H135" s="23">
        <f>'[1]年齢別人口市区町村(外国人)'!E152</f>
        <v>70</v>
      </c>
      <c r="I135" s="24">
        <f>'[1]年齢別人口市区町村(総数)'!E152</f>
        <v>1435</v>
      </c>
      <c r="J135" s="23">
        <f>'[1]年齢別人口市区町村(日本人)'!F152</f>
        <v>1655</v>
      </c>
      <c r="K135" s="23">
        <f>'[1]年齢別人口市区町村(外国人)'!F152</f>
        <v>60</v>
      </c>
      <c r="L135" s="24">
        <f>'[1]年齢別人口市区町村(総数)'!F152</f>
        <v>1715</v>
      </c>
      <c r="M135" s="23">
        <f>'[1]年齢別人口市区町村(日本人)'!G152</f>
        <v>1893</v>
      </c>
      <c r="N135" s="23">
        <f>'[1]年齢別人口市区町村(外国人)'!G152</f>
        <v>71</v>
      </c>
      <c r="O135" s="24">
        <f>'[1]年齢別人口市区町村(総数)'!G152</f>
        <v>1964</v>
      </c>
      <c r="P135" s="23">
        <f>'[1]年齢別人口市区町村(日本人)'!H152</f>
        <v>2065</v>
      </c>
      <c r="Q135" s="23">
        <f>'[1]年齢別人口市区町村(外国人)'!H152</f>
        <v>57</v>
      </c>
      <c r="R135" s="24">
        <f>'[1]年齢別人口市区町村(総数)'!H152</f>
        <v>2122</v>
      </c>
      <c r="S135" s="23">
        <f>'[1]年齢別人口市区町村(日本人)'!I152</f>
        <v>2390</v>
      </c>
      <c r="T135" s="23">
        <f>'[1]年齢別人口市区町村(外国人)'!I152</f>
        <v>239</v>
      </c>
      <c r="U135" s="24">
        <f>'[1]年齢別人口市区町村(総数)'!I152</f>
        <v>2629</v>
      </c>
      <c r="V135" s="23">
        <f>'[1]年齢別人口市区町村(日本人)'!J152</f>
        <v>2396</v>
      </c>
      <c r="W135" s="23">
        <f>'[1]年齢別人口市区町村(外国人)'!J152</f>
        <v>233</v>
      </c>
      <c r="X135" s="24">
        <f>'[1]年齢別人口市区町村(総数)'!J152</f>
        <v>2629</v>
      </c>
      <c r="Y135" s="23">
        <f>'[1]年齢別人口市区町村(日本人)'!K152</f>
        <v>2229</v>
      </c>
      <c r="Z135" s="23">
        <f>'[1]年齢別人口市区町村(外国人)'!K152</f>
        <v>224</v>
      </c>
      <c r="AA135" s="24">
        <f>'[1]年齢別人口市区町村(総数)'!K152</f>
        <v>2453</v>
      </c>
      <c r="AB135" s="23">
        <f>'[1]年齢別人口市区町村(日本人)'!L152</f>
        <v>2314</v>
      </c>
      <c r="AC135" s="23">
        <f>'[1]年齢別人口市区町村(外国人)'!L152</f>
        <v>166</v>
      </c>
      <c r="AD135" s="24">
        <f>'[1]年齢別人口市区町村(総数)'!L152</f>
        <v>2480</v>
      </c>
      <c r="AE135" s="23">
        <f>'[1]年齢別人口市区町村(日本人)'!M152</f>
        <v>2657</v>
      </c>
      <c r="AF135" s="23">
        <f>'[1]年齢別人口市区町村(外国人)'!M152</f>
        <v>144</v>
      </c>
      <c r="AG135" s="24">
        <f>'[1]年齢別人口市区町村(総数)'!M152</f>
        <v>2801</v>
      </c>
      <c r="AH135" s="23">
        <f>'[1]年齢別人口市区町村(日本人)'!N152</f>
        <v>3136</v>
      </c>
      <c r="AI135" s="23">
        <f>'[1]年齢別人口市区町村(外国人)'!N152</f>
        <v>104</v>
      </c>
      <c r="AJ135" s="24">
        <f>'[1]年齢別人口市区町村(総数)'!N152</f>
        <v>3240</v>
      </c>
      <c r="AK135" s="23">
        <f>'[1]年齢別人口市区町村(日本人)'!O152</f>
        <v>3895</v>
      </c>
      <c r="AL135" s="23">
        <f>'[1]年齢別人口市区町村(外国人)'!O152</f>
        <v>93</v>
      </c>
      <c r="AM135" s="24">
        <f>'[1]年齢別人口市区町村(総数)'!O152</f>
        <v>3988</v>
      </c>
      <c r="AN135" s="23">
        <f>'[1]年齢別人口市区町村(日本人)'!P152</f>
        <v>3514</v>
      </c>
      <c r="AO135" s="23">
        <f>'[1]年齢別人口市区町村(外国人)'!P152</f>
        <v>79</v>
      </c>
      <c r="AP135" s="24">
        <f>'[1]年齢別人口市区町村(総数)'!P152</f>
        <v>3593</v>
      </c>
      <c r="AQ135" s="23">
        <f>'[1]年齢別人口市区町村(日本人)'!Q152</f>
        <v>2968</v>
      </c>
      <c r="AR135" s="23">
        <f>'[1]年齢別人口市区町村(外国人)'!Q152</f>
        <v>52</v>
      </c>
      <c r="AS135" s="24">
        <f>'[1]年齢別人口市区町村(総数)'!Q152</f>
        <v>3020</v>
      </c>
      <c r="AT135" s="23">
        <f>'[1]年齢別人口市区町村(日本人)'!R152</f>
        <v>2470</v>
      </c>
      <c r="AU135" s="23">
        <f>'[1]年齢別人口市区町村(外国人)'!R152</f>
        <v>30</v>
      </c>
      <c r="AV135" s="24">
        <f>'[1]年齢別人口市区町村(総数)'!R152</f>
        <v>2500</v>
      </c>
      <c r="AW135" s="23">
        <f>'[1]年齢別人口市区町村(日本人)'!S152</f>
        <v>2892</v>
      </c>
      <c r="AX135" s="23">
        <f>'[1]年齢別人口市区町村(外国人)'!S152</f>
        <v>15</v>
      </c>
      <c r="AY135" s="24">
        <f>'[1]年齢別人口市区町村(総数)'!S152</f>
        <v>2907</v>
      </c>
      <c r="AZ135" s="23">
        <f>'[1]年齢別人口市区町村(日本人)'!T152</f>
        <v>3584</v>
      </c>
      <c r="BA135" s="23">
        <f>'[1]年齢別人口市区町村(外国人)'!T152</f>
        <v>3</v>
      </c>
      <c r="BB135" s="24">
        <f>'[1]年齢別人口市区町村(総数)'!T152</f>
        <v>3587</v>
      </c>
      <c r="BC135" s="23">
        <f>'[1]年齢別人口市区町村(日本人)'!U152</f>
        <v>2730</v>
      </c>
      <c r="BD135" s="23">
        <f>'[1]年齢別人口市区町村(外国人)'!U152</f>
        <v>3</v>
      </c>
      <c r="BE135" s="24">
        <f>'[1]年齢別人口市区町村(総数)'!U152</f>
        <v>2733</v>
      </c>
      <c r="BF135" s="23">
        <f>'[1]年齢別人口市区町村(日本人)'!V152</f>
        <v>1812</v>
      </c>
      <c r="BG135" s="23">
        <f>'[1]年齢別人口市区町村(外国人)'!V152</f>
        <v>3</v>
      </c>
      <c r="BH135" s="24">
        <f>'[1]年齢別人口市区町村(総数)'!V152</f>
        <v>1815</v>
      </c>
      <c r="BI135" s="23">
        <f>'[1]年齢別人口市区町村(日本人)'!W152</f>
        <v>863</v>
      </c>
      <c r="BJ135" s="23">
        <f>'[1]年齢別人口市区町村(外国人)'!W152</f>
        <v>1</v>
      </c>
      <c r="BK135" s="24">
        <f>'[1]年齢別人口市区町村(総数)'!W152</f>
        <v>864</v>
      </c>
      <c r="BL135" s="23">
        <f>'[1]年齢別人口市区町村(日本人)'!X152</f>
        <v>277</v>
      </c>
      <c r="BM135" s="23">
        <f>'[1]年齢別人口市区町村(外国人)'!X152</f>
        <v>0</v>
      </c>
      <c r="BN135" s="24">
        <f>'[1]年齢別人口市区町村(総数)'!X152</f>
        <v>277</v>
      </c>
      <c r="BO135" s="23">
        <f>'[1]年齢別人口市区町村(日本人)'!Y152</f>
        <v>48</v>
      </c>
      <c r="BP135" s="23">
        <f>'[1]年齢別人口市区町村(外国人)'!Y152</f>
        <v>0</v>
      </c>
      <c r="BQ135" s="61">
        <f>'[1]年齢別人口市区町村(総数)'!Y152</f>
        <v>48</v>
      </c>
    </row>
    <row r="136" spans="1:69" ht="15" thickBot="1" x14ac:dyDescent="0.2">
      <c r="A136" s="29"/>
      <c r="B136" s="25" t="s">
        <v>32</v>
      </c>
      <c r="C136" s="47"/>
      <c r="D136" s="26">
        <f>'[1]年齢別人口市区町村(日本人)'!D150</f>
        <v>95477</v>
      </c>
      <c r="E136" s="27">
        <f>'[1]年齢別人口市区町村(外国人)'!D150</f>
        <v>3575</v>
      </c>
      <c r="F136" s="28">
        <f>'[1]年齢別人口市区町村(総数)'!D150</f>
        <v>99052</v>
      </c>
      <c r="G136" s="27">
        <f>'[1]年齢別人口市区町村(日本人)'!E150</f>
        <v>2784</v>
      </c>
      <c r="H136" s="27">
        <f>'[1]年齢別人口市区町村(外国人)'!E150</f>
        <v>160</v>
      </c>
      <c r="I136" s="28">
        <f>'[1]年齢別人口市区町村(総数)'!E150</f>
        <v>2944</v>
      </c>
      <c r="J136" s="27">
        <f>'[1]年齢別人口市区町村(日本人)'!F150</f>
        <v>3448</v>
      </c>
      <c r="K136" s="27">
        <f>'[1]年齢別人口市区町村(外国人)'!F150</f>
        <v>131</v>
      </c>
      <c r="L136" s="28">
        <f>'[1]年齢別人口市区町村(総数)'!F150</f>
        <v>3579</v>
      </c>
      <c r="M136" s="27">
        <f>'[1]年齢別人口市区町村(日本人)'!G150</f>
        <v>3867</v>
      </c>
      <c r="N136" s="27">
        <f>'[1]年齢別人口市区町村(外国人)'!G150</f>
        <v>126</v>
      </c>
      <c r="O136" s="28">
        <f>'[1]年齢別人口市区町村(総数)'!G150</f>
        <v>3993</v>
      </c>
      <c r="P136" s="27">
        <f>'[1]年齢別人口市区町村(日本人)'!H150</f>
        <v>4171</v>
      </c>
      <c r="Q136" s="27">
        <f>'[1]年齢別人口市区町村(外国人)'!H150</f>
        <v>115</v>
      </c>
      <c r="R136" s="28">
        <f>'[1]年齢別人口市区町村(総数)'!H150</f>
        <v>4286</v>
      </c>
      <c r="S136" s="27">
        <f>'[1]年齢別人口市区町村(日本人)'!I150</f>
        <v>5015</v>
      </c>
      <c r="T136" s="27">
        <f>'[1]年齢別人口市区町村(外国人)'!I150</f>
        <v>567</v>
      </c>
      <c r="U136" s="28">
        <f>'[1]年齢別人口市区町村(総数)'!I150</f>
        <v>5582</v>
      </c>
      <c r="V136" s="27">
        <f>'[1]年齢別人口市区町村(日本人)'!J150</f>
        <v>5239</v>
      </c>
      <c r="W136" s="27">
        <f>'[1]年齢別人口市区町村(外国人)'!J150</f>
        <v>630</v>
      </c>
      <c r="X136" s="28">
        <f>'[1]年齢別人口市区町村(総数)'!J150</f>
        <v>5869</v>
      </c>
      <c r="Y136" s="27">
        <f>'[1]年齢別人口市区町村(日本人)'!K150</f>
        <v>4946</v>
      </c>
      <c r="Z136" s="27">
        <f>'[1]年齢別人口市区町村(外国人)'!K150</f>
        <v>526</v>
      </c>
      <c r="AA136" s="28">
        <f>'[1]年齢別人口市区町村(総数)'!K150</f>
        <v>5472</v>
      </c>
      <c r="AB136" s="27">
        <f>'[1]年齢別人口市区町村(日本人)'!L150</f>
        <v>4922</v>
      </c>
      <c r="AC136" s="27">
        <f>'[1]年齢別人口市区町村(外国人)'!L150</f>
        <v>387</v>
      </c>
      <c r="AD136" s="28">
        <f>'[1]年齢別人口市区町村(総数)'!L150</f>
        <v>5309</v>
      </c>
      <c r="AE136" s="27">
        <f>'[1]年齢別人口市区町村(日本人)'!M150</f>
        <v>5678</v>
      </c>
      <c r="AF136" s="27">
        <f>'[1]年齢別人口市区町村(外国人)'!M150</f>
        <v>298</v>
      </c>
      <c r="AG136" s="28">
        <f>'[1]年齢別人口市区町村(総数)'!M150</f>
        <v>5976</v>
      </c>
      <c r="AH136" s="27">
        <f>'[1]年齢別人口市区町村(日本人)'!N150</f>
        <v>6646</v>
      </c>
      <c r="AI136" s="27">
        <f>'[1]年齢別人口市区町村(外国人)'!N150</f>
        <v>187</v>
      </c>
      <c r="AJ136" s="28">
        <f>'[1]年齢別人口市区町村(総数)'!N150</f>
        <v>6833</v>
      </c>
      <c r="AK136" s="27">
        <f>'[1]年齢別人口市区町村(日本人)'!O150</f>
        <v>8159</v>
      </c>
      <c r="AL136" s="27">
        <f>'[1]年齢別人口市区町村(外国人)'!O150</f>
        <v>146</v>
      </c>
      <c r="AM136" s="28">
        <f>'[1]年齢別人口市区町村(総数)'!O150</f>
        <v>8305</v>
      </c>
      <c r="AN136" s="27">
        <f>'[1]年齢別人口市区町村(日本人)'!P150</f>
        <v>7455</v>
      </c>
      <c r="AO136" s="27">
        <f>'[1]年齢別人口市区町村(外国人)'!P150</f>
        <v>122</v>
      </c>
      <c r="AP136" s="28">
        <f>'[1]年齢別人口市区町村(総数)'!P150</f>
        <v>7577</v>
      </c>
      <c r="AQ136" s="27">
        <f>'[1]年齢別人口市区町村(日本人)'!Q150</f>
        <v>6243</v>
      </c>
      <c r="AR136" s="27">
        <f>'[1]年齢別人口市区町村(外国人)'!Q150</f>
        <v>82</v>
      </c>
      <c r="AS136" s="28">
        <f>'[1]年齢別人口市区町村(総数)'!Q150</f>
        <v>6325</v>
      </c>
      <c r="AT136" s="27">
        <f>'[1]年齢別人口市区町村(日本人)'!R150</f>
        <v>4983</v>
      </c>
      <c r="AU136" s="27">
        <f>'[1]年齢別人口市区町村(外国人)'!R150</f>
        <v>57</v>
      </c>
      <c r="AV136" s="28">
        <f>'[1]年齢別人口市区町村(総数)'!R150</f>
        <v>5040</v>
      </c>
      <c r="AW136" s="27">
        <f>'[1]年齢別人口市区町村(日本人)'!S150</f>
        <v>5590</v>
      </c>
      <c r="AX136" s="27">
        <f>'[1]年齢別人口市区町村(外国人)'!S150</f>
        <v>24</v>
      </c>
      <c r="AY136" s="28">
        <f>'[1]年齢別人口市区町村(総数)'!S150</f>
        <v>5614</v>
      </c>
      <c r="AZ136" s="27">
        <f>'[1]年齢別人口市区町村(日本人)'!T150</f>
        <v>6666</v>
      </c>
      <c r="BA136" s="27">
        <f>'[1]年齢別人口市区町村(外国人)'!T150</f>
        <v>9</v>
      </c>
      <c r="BB136" s="28">
        <f>'[1]年齢別人口市区町村(総数)'!T150</f>
        <v>6675</v>
      </c>
      <c r="BC136" s="27">
        <f>'[1]年齢別人口市区町村(日本人)'!U150</f>
        <v>4858</v>
      </c>
      <c r="BD136" s="27">
        <f>'[1]年齢別人口市区町村(外国人)'!U150</f>
        <v>4</v>
      </c>
      <c r="BE136" s="28">
        <f>'[1]年齢別人口市区町村(総数)'!U150</f>
        <v>4862</v>
      </c>
      <c r="BF136" s="27">
        <f>'[1]年齢別人口市区町村(日本人)'!V150</f>
        <v>3049</v>
      </c>
      <c r="BG136" s="27">
        <f>'[1]年齢別人口市区町村(外国人)'!V150</f>
        <v>3</v>
      </c>
      <c r="BH136" s="28">
        <f>'[1]年齢別人口市区町村(総数)'!V150</f>
        <v>3052</v>
      </c>
      <c r="BI136" s="27">
        <f>'[1]年齢別人口市区町村(日本人)'!W150</f>
        <v>1341</v>
      </c>
      <c r="BJ136" s="27">
        <f>'[1]年齢別人口市区町村(外国人)'!W150</f>
        <v>1</v>
      </c>
      <c r="BK136" s="28">
        <f>'[1]年齢別人口市区町村(総数)'!W150</f>
        <v>1342</v>
      </c>
      <c r="BL136" s="27">
        <f>'[1]年齢別人口市区町村(日本人)'!X150</f>
        <v>363</v>
      </c>
      <c r="BM136" s="27">
        <f>'[1]年齢別人口市区町村(外国人)'!X150</f>
        <v>0</v>
      </c>
      <c r="BN136" s="28">
        <f>'[1]年齢別人口市区町村(総数)'!X150</f>
        <v>363</v>
      </c>
      <c r="BO136" s="27">
        <f>'[1]年齢別人口市区町村(日本人)'!Y150</f>
        <v>54</v>
      </c>
      <c r="BP136" s="27">
        <f>'[1]年齢別人口市区町村(外国人)'!Y150</f>
        <v>0</v>
      </c>
      <c r="BQ136" s="62">
        <f>'[1]年齢別人口市区町村(総数)'!Y150</f>
        <v>54</v>
      </c>
    </row>
    <row r="137" spans="1:69" x14ac:dyDescent="0.15">
      <c r="A137" s="20"/>
      <c r="B137" s="17" t="s">
        <v>29</v>
      </c>
      <c r="C137" s="45">
        <v>142158</v>
      </c>
      <c r="D137" s="18">
        <f>'[1]年齢別人口市区町村(日本人)'!D154</f>
        <v>68642</v>
      </c>
      <c r="E137" s="19">
        <f>'[1]年齢別人口市区町村(外国人)'!D154</f>
        <v>2198</v>
      </c>
      <c r="F137" s="19">
        <f>'[1]年齢別人口市区町村(総数)'!D154</f>
        <v>70840</v>
      </c>
      <c r="G137" s="19">
        <f>'[1]年齢別人口市区町村(日本人)'!E154</f>
        <v>2620</v>
      </c>
      <c r="H137" s="19">
        <f>'[1]年齢別人口市区町村(外国人)'!E154</f>
        <v>83</v>
      </c>
      <c r="I137" s="19">
        <f>'[1]年齢別人口市区町村(総数)'!E154</f>
        <v>2703</v>
      </c>
      <c r="J137" s="19">
        <f>'[1]年齢別人口市区町村(日本人)'!F154</f>
        <v>3025</v>
      </c>
      <c r="K137" s="19">
        <f>'[1]年齢別人口市区町村(外国人)'!F154</f>
        <v>100</v>
      </c>
      <c r="L137" s="19">
        <f>'[1]年齢別人口市区町村(総数)'!F154</f>
        <v>3125</v>
      </c>
      <c r="M137" s="19">
        <f>'[1]年齢別人口市区町村(日本人)'!G154</f>
        <v>3022</v>
      </c>
      <c r="N137" s="19">
        <f>'[1]年齢別人口市区町村(外国人)'!G154</f>
        <v>70</v>
      </c>
      <c r="O137" s="19">
        <f>'[1]年齢別人口市区町村(総数)'!G154</f>
        <v>3092</v>
      </c>
      <c r="P137" s="19">
        <f>'[1]年齢別人口市区町村(日本人)'!H154</f>
        <v>3203</v>
      </c>
      <c r="Q137" s="19">
        <f>'[1]年齢別人口市区町村(外国人)'!H154</f>
        <v>71</v>
      </c>
      <c r="R137" s="19">
        <f>'[1]年齢別人口市区町村(総数)'!H154</f>
        <v>3274</v>
      </c>
      <c r="S137" s="19">
        <f>'[1]年齢別人口市区町村(日本人)'!I154</f>
        <v>3524</v>
      </c>
      <c r="T137" s="19">
        <f>'[1]年齢別人口市区町村(外国人)'!I154</f>
        <v>218</v>
      </c>
      <c r="U137" s="19">
        <f>'[1]年齢別人口市区町村(総数)'!I154</f>
        <v>3742</v>
      </c>
      <c r="V137" s="19">
        <f>'[1]年齢別人口市区町村(日本人)'!J154</f>
        <v>3840</v>
      </c>
      <c r="W137" s="19">
        <f>'[1]年齢別人口市区町村(外国人)'!J154</f>
        <v>354</v>
      </c>
      <c r="X137" s="19">
        <f>'[1]年齢別人口市区町村(総数)'!J154</f>
        <v>4194</v>
      </c>
      <c r="Y137" s="19">
        <f>'[1]年齢別人口市区町村(日本人)'!K154</f>
        <v>4214</v>
      </c>
      <c r="Z137" s="19">
        <f>'[1]年齢別人口市区町村(外国人)'!K154</f>
        <v>344</v>
      </c>
      <c r="AA137" s="19">
        <f>'[1]年齢別人口市区町村(総数)'!K154</f>
        <v>4558</v>
      </c>
      <c r="AB137" s="19">
        <f>'[1]年齢別人口市区町村(日本人)'!L154</f>
        <v>4378</v>
      </c>
      <c r="AC137" s="19">
        <f>'[1]年齢別人口市区町村(外国人)'!L154</f>
        <v>262</v>
      </c>
      <c r="AD137" s="19">
        <f>'[1]年齢別人口市区町村(総数)'!L154</f>
        <v>4640</v>
      </c>
      <c r="AE137" s="19">
        <f>'[1]年齢別人口市区町村(日本人)'!M154</f>
        <v>4661</v>
      </c>
      <c r="AF137" s="19">
        <f>'[1]年齢別人口市区町村(外国人)'!M154</f>
        <v>204</v>
      </c>
      <c r="AG137" s="19">
        <f>'[1]年齢別人口市区町村(総数)'!M154</f>
        <v>4865</v>
      </c>
      <c r="AH137" s="19">
        <f>'[1]年齢別人口市区町村(日本人)'!N154</f>
        <v>5208</v>
      </c>
      <c r="AI137" s="19">
        <f>'[1]年齢別人口市区町村(外国人)'!N154</f>
        <v>144</v>
      </c>
      <c r="AJ137" s="19">
        <f>'[1]年齢別人口市区町村(総数)'!N154</f>
        <v>5352</v>
      </c>
      <c r="AK137" s="19">
        <f>'[1]年齢別人口市区町村(日本人)'!O154</f>
        <v>6021</v>
      </c>
      <c r="AL137" s="19">
        <f>'[1]年齢別人口市区町村(外国人)'!O154</f>
        <v>113</v>
      </c>
      <c r="AM137" s="19">
        <f>'[1]年齢別人口市区町村(総数)'!O154</f>
        <v>6134</v>
      </c>
      <c r="AN137" s="19">
        <f>'[1]年齢別人口市区町村(日本人)'!P154</f>
        <v>5252</v>
      </c>
      <c r="AO137" s="19">
        <f>'[1]年齢別人口市区町村(外国人)'!P154</f>
        <v>87</v>
      </c>
      <c r="AP137" s="19">
        <f>'[1]年齢別人口市区町村(総数)'!P154</f>
        <v>5339</v>
      </c>
      <c r="AQ137" s="19">
        <f>'[1]年齢別人口市区町村(日本人)'!Q154</f>
        <v>4140</v>
      </c>
      <c r="AR137" s="19">
        <f>'[1]年齢別人口市区町村(外国人)'!Q154</f>
        <v>60</v>
      </c>
      <c r="AS137" s="19">
        <f>'[1]年齢別人口市区町村(総数)'!Q154</f>
        <v>4200</v>
      </c>
      <c r="AT137" s="19">
        <f>'[1]年齢別人口市区町村(日本人)'!R154</f>
        <v>3227</v>
      </c>
      <c r="AU137" s="19">
        <f>'[1]年齢別人口市区町村(外国人)'!R154</f>
        <v>36</v>
      </c>
      <c r="AV137" s="19">
        <f>'[1]年齢別人口市区町村(総数)'!R154</f>
        <v>3263</v>
      </c>
      <c r="AW137" s="19">
        <f>'[1]年齢別人口市区町村(日本人)'!S154</f>
        <v>3448</v>
      </c>
      <c r="AX137" s="19">
        <f>'[1]年齢別人口市区町村(外国人)'!S154</f>
        <v>26</v>
      </c>
      <c r="AY137" s="19">
        <f>'[1]年齢別人口市区町村(総数)'!S154</f>
        <v>3474</v>
      </c>
      <c r="AZ137" s="19">
        <f>'[1]年齢別人口市区町村(日本人)'!T154</f>
        <v>3924</v>
      </c>
      <c r="BA137" s="19">
        <f>'[1]年齢別人口市区町村(外国人)'!T154</f>
        <v>12</v>
      </c>
      <c r="BB137" s="19">
        <f>'[1]年齢別人口市区町村(総数)'!T154</f>
        <v>3936</v>
      </c>
      <c r="BC137" s="19">
        <f>'[1]年齢別人口市区町村(日本人)'!U154</f>
        <v>2690</v>
      </c>
      <c r="BD137" s="19">
        <f>'[1]年齢別人口市区町村(外国人)'!U154</f>
        <v>5</v>
      </c>
      <c r="BE137" s="19">
        <f>'[1]年齢別人口市区町村(総数)'!U154</f>
        <v>2695</v>
      </c>
      <c r="BF137" s="19">
        <f>'[1]年齢別人口市区町村(日本人)'!V154</f>
        <v>1612</v>
      </c>
      <c r="BG137" s="19">
        <f>'[1]年齢別人口市区町村(外国人)'!V154</f>
        <v>4</v>
      </c>
      <c r="BH137" s="19">
        <f>'[1]年齢別人口市区町村(総数)'!V154</f>
        <v>1616</v>
      </c>
      <c r="BI137" s="19">
        <f>'[1]年齢別人口市区町村(日本人)'!W154</f>
        <v>521</v>
      </c>
      <c r="BJ137" s="19">
        <f>'[1]年齢別人口市区町村(外国人)'!W154</f>
        <v>5</v>
      </c>
      <c r="BK137" s="19">
        <f>'[1]年齢別人口市区町村(総数)'!W154</f>
        <v>526</v>
      </c>
      <c r="BL137" s="19">
        <f>'[1]年齢別人口市区町村(日本人)'!X154</f>
        <v>107</v>
      </c>
      <c r="BM137" s="19">
        <f>'[1]年齢別人口市区町村(外国人)'!X154</f>
        <v>0</v>
      </c>
      <c r="BN137" s="19">
        <f>'[1]年齢別人口市区町村(総数)'!X154</f>
        <v>107</v>
      </c>
      <c r="BO137" s="19">
        <f>'[1]年齢別人口市区町村(日本人)'!Y154</f>
        <v>5</v>
      </c>
      <c r="BP137" s="19">
        <f>'[1]年齢別人口市区町村(外国人)'!Y154</f>
        <v>0</v>
      </c>
      <c r="BQ137" s="60">
        <f>'[1]年齢別人口市区町村(総数)'!Y154</f>
        <v>5</v>
      </c>
    </row>
    <row r="138" spans="1:69" x14ac:dyDescent="0.15">
      <c r="A138" s="20" t="s">
        <v>74</v>
      </c>
      <c r="B138" s="21" t="s">
        <v>31</v>
      </c>
      <c r="C138" s="46"/>
      <c r="D138" s="22">
        <f>'[1]年齢別人口市区町村(日本人)'!D155</f>
        <v>68267</v>
      </c>
      <c r="E138" s="23">
        <f>'[1]年齢別人口市区町村(外国人)'!D155</f>
        <v>1866</v>
      </c>
      <c r="F138" s="24">
        <f>'[1]年齢別人口市区町村(総数)'!D155</f>
        <v>70133</v>
      </c>
      <c r="G138" s="23">
        <f>'[1]年齢別人口市区町村(日本人)'!E155</f>
        <v>2524</v>
      </c>
      <c r="H138" s="23">
        <f>'[1]年齢別人口市区町村(外国人)'!E155</f>
        <v>82</v>
      </c>
      <c r="I138" s="24">
        <f>'[1]年齢別人口市区町村(総数)'!E155</f>
        <v>2606</v>
      </c>
      <c r="J138" s="23">
        <f>'[1]年齢別人口市区町村(日本人)'!F155</f>
        <v>2772</v>
      </c>
      <c r="K138" s="23">
        <f>'[1]年齢別人口市区町村(外国人)'!F155</f>
        <v>79</v>
      </c>
      <c r="L138" s="24">
        <f>'[1]年齢別人口市区町村(総数)'!F155</f>
        <v>2851</v>
      </c>
      <c r="M138" s="23">
        <f>'[1]年齢別人口市区町村(日本人)'!G155</f>
        <v>2890</v>
      </c>
      <c r="N138" s="23">
        <f>'[1]年齢別人口市区町村(外国人)'!G155</f>
        <v>67</v>
      </c>
      <c r="O138" s="24">
        <f>'[1]年齢別人口市区町村(総数)'!G155</f>
        <v>2957</v>
      </c>
      <c r="P138" s="23">
        <f>'[1]年齢別人口市区町村(日本人)'!H155</f>
        <v>3011</v>
      </c>
      <c r="Q138" s="23">
        <f>'[1]年齢別人口市区町村(外国人)'!H155</f>
        <v>64</v>
      </c>
      <c r="R138" s="24">
        <f>'[1]年齢別人口市区町村(総数)'!H155</f>
        <v>3075</v>
      </c>
      <c r="S138" s="23">
        <f>'[1]年齢別人口市区町村(日本人)'!I155</f>
        <v>3241</v>
      </c>
      <c r="T138" s="23">
        <f>'[1]年齢別人口市区町村(外国人)'!I155</f>
        <v>139</v>
      </c>
      <c r="U138" s="24">
        <f>'[1]年齢別人口市区町村(総数)'!I155</f>
        <v>3380</v>
      </c>
      <c r="V138" s="23">
        <f>'[1]年齢別人口市区町村(日本人)'!J155</f>
        <v>3496</v>
      </c>
      <c r="W138" s="23">
        <f>'[1]年齢別人口市区町村(外国人)'!J155</f>
        <v>236</v>
      </c>
      <c r="X138" s="24">
        <f>'[1]年齢別人口市区町村(総数)'!J155</f>
        <v>3732</v>
      </c>
      <c r="Y138" s="23">
        <f>'[1]年齢別人口市区町村(日本人)'!K155</f>
        <v>3880</v>
      </c>
      <c r="Z138" s="23">
        <f>'[1]年齢別人口市区町村(外国人)'!K155</f>
        <v>232</v>
      </c>
      <c r="AA138" s="24">
        <f>'[1]年齢別人口市区町村(総数)'!K155</f>
        <v>4112</v>
      </c>
      <c r="AB138" s="23">
        <f>'[1]年齢別人口市区町村(日本人)'!L155</f>
        <v>3949</v>
      </c>
      <c r="AC138" s="23">
        <f>'[1]年齢別人口市区町村(外国人)'!L155</f>
        <v>223</v>
      </c>
      <c r="AD138" s="24">
        <f>'[1]年齢別人口市区町村(総数)'!L155</f>
        <v>4172</v>
      </c>
      <c r="AE138" s="23">
        <f>'[1]年齢別人口市区町村(日本人)'!M155</f>
        <v>4366</v>
      </c>
      <c r="AF138" s="23">
        <f>'[1]年齢別人口市区町村(外国人)'!M155</f>
        <v>172</v>
      </c>
      <c r="AG138" s="24">
        <f>'[1]年齢別人口市区町村(総数)'!M155</f>
        <v>4538</v>
      </c>
      <c r="AH138" s="23">
        <f>'[1]年齢別人口市区町村(日本人)'!N155</f>
        <v>4818</v>
      </c>
      <c r="AI138" s="23">
        <f>'[1]年齢別人口市区町村(外国人)'!N155</f>
        <v>140</v>
      </c>
      <c r="AJ138" s="24">
        <f>'[1]年齢別人口市区町村(総数)'!N155</f>
        <v>4958</v>
      </c>
      <c r="AK138" s="23">
        <f>'[1]年齢別人口市区町村(日本人)'!O155</f>
        <v>5660</v>
      </c>
      <c r="AL138" s="23">
        <f>'[1]年齢別人口市区町村(外国人)'!O155</f>
        <v>131</v>
      </c>
      <c r="AM138" s="24">
        <f>'[1]年齢別人口市区町村(総数)'!O155</f>
        <v>5791</v>
      </c>
      <c r="AN138" s="23">
        <f>'[1]年齢別人口市区町村(日本人)'!P155</f>
        <v>4799</v>
      </c>
      <c r="AO138" s="23">
        <f>'[1]年齢別人口市区町村(外国人)'!P155</f>
        <v>121</v>
      </c>
      <c r="AP138" s="24">
        <f>'[1]年齢別人口市区町村(総数)'!P155</f>
        <v>4920</v>
      </c>
      <c r="AQ138" s="23">
        <f>'[1]年齢別人口市区町村(日本人)'!Q155</f>
        <v>3854</v>
      </c>
      <c r="AR138" s="23">
        <f>'[1]年齢別人口市区町村(外国人)'!Q155</f>
        <v>62</v>
      </c>
      <c r="AS138" s="24">
        <f>'[1]年齢別人口市区町村(総数)'!Q155</f>
        <v>3916</v>
      </c>
      <c r="AT138" s="23">
        <f>'[1]年齢別人口市区町村(日本人)'!R155</f>
        <v>3375</v>
      </c>
      <c r="AU138" s="23">
        <f>'[1]年齢別人口市区町村(外国人)'!R155</f>
        <v>44</v>
      </c>
      <c r="AV138" s="24">
        <f>'[1]年齢別人口市区町村(総数)'!R155</f>
        <v>3419</v>
      </c>
      <c r="AW138" s="23">
        <f>'[1]年齢別人口市区町村(日本人)'!S155</f>
        <v>3801</v>
      </c>
      <c r="AX138" s="23">
        <f>'[1]年齢別人口市区町村(外国人)'!S155</f>
        <v>31</v>
      </c>
      <c r="AY138" s="24">
        <f>'[1]年齢別人口市区町村(総数)'!S155</f>
        <v>3832</v>
      </c>
      <c r="AZ138" s="23">
        <f>'[1]年齢別人口市区町村(日本人)'!T155</f>
        <v>4715</v>
      </c>
      <c r="BA138" s="23">
        <f>'[1]年齢別人口市区町村(外国人)'!T155</f>
        <v>16</v>
      </c>
      <c r="BB138" s="24">
        <f>'[1]年齢別人口市区町村(総数)'!T155</f>
        <v>4731</v>
      </c>
      <c r="BC138" s="23">
        <f>'[1]年齢別人口市区町村(日本人)'!U155</f>
        <v>3481</v>
      </c>
      <c r="BD138" s="23">
        <f>'[1]年齢別人口市区町村(外国人)'!U155</f>
        <v>15</v>
      </c>
      <c r="BE138" s="24">
        <f>'[1]年齢別人口市区町村(総数)'!U155</f>
        <v>3496</v>
      </c>
      <c r="BF138" s="23">
        <f>'[1]年齢別人口市区町村(日本人)'!V155</f>
        <v>2260</v>
      </c>
      <c r="BG138" s="23">
        <f>'[1]年齢別人口市区町村(外国人)'!V155</f>
        <v>3</v>
      </c>
      <c r="BH138" s="24">
        <f>'[1]年齢別人口市区町村(総数)'!V155</f>
        <v>2263</v>
      </c>
      <c r="BI138" s="23">
        <f>'[1]年齢別人口市区町村(日本人)'!W155</f>
        <v>1008</v>
      </c>
      <c r="BJ138" s="23">
        <f>'[1]年齢別人口市区町村(外国人)'!W155</f>
        <v>6</v>
      </c>
      <c r="BK138" s="24">
        <f>'[1]年齢別人口市区町村(総数)'!W155</f>
        <v>1014</v>
      </c>
      <c r="BL138" s="23">
        <f>'[1]年齢別人口市区町村(日本人)'!X155</f>
        <v>321</v>
      </c>
      <c r="BM138" s="23">
        <f>'[1]年齢別人口市区町村(外国人)'!X155</f>
        <v>3</v>
      </c>
      <c r="BN138" s="24">
        <f>'[1]年齢別人口市区町村(総数)'!X155</f>
        <v>324</v>
      </c>
      <c r="BO138" s="23">
        <f>'[1]年齢別人口市区町村(日本人)'!Y155</f>
        <v>46</v>
      </c>
      <c r="BP138" s="23">
        <f>'[1]年齢別人口市区町村(外国人)'!Y155</f>
        <v>0</v>
      </c>
      <c r="BQ138" s="61">
        <f>'[1]年齢別人口市区町村(総数)'!Y155</f>
        <v>46</v>
      </c>
    </row>
    <row r="139" spans="1:69" ht="15" thickBot="1" x14ac:dyDescent="0.2">
      <c r="A139" s="29"/>
      <c r="B139" s="25" t="s">
        <v>32</v>
      </c>
      <c r="C139" s="47"/>
      <c r="D139" s="26">
        <f>'[1]年齢別人口市区町村(日本人)'!D153</f>
        <v>136909</v>
      </c>
      <c r="E139" s="27">
        <f>'[1]年齢別人口市区町村(外国人)'!D153</f>
        <v>4064</v>
      </c>
      <c r="F139" s="28">
        <f>'[1]年齢別人口市区町村(総数)'!D153</f>
        <v>140973</v>
      </c>
      <c r="G139" s="27">
        <f>'[1]年齢別人口市区町村(日本人)'!E153</f>
        <v>5144</v>
      </c>
      <c r="H139" s="27">
        <f>'[1]年齢別人口市区町村(外国人)'!E153</f>
        <v>165</v>
      </c>
      <c r="I139" s="28">
        <f>'[1]年齢別人口市区町村(総数)'!E153</f>
        <v>5309</v>
      </c>
      <c r="J139" s="27">
        <f>'[1]年齢別人口市区町村(日本人)'!F153</f>
        <v>5797</v>
      </c>
      <c r="K139" s="27">
        <f>'[1]年齢別人口市区町村(外国人)'!F153</f>
        <v>179</v>
      </c>
      <c r="L139" s="28">
        <f>'[1]年齢別人口市区町村(総数)'!F153</f>
        <v>5976</v>
      </c>
      <c r="M139" s="27">
        <f>'[1]年齢別人口市区町村(日本人)'!G153</f>
        <v>5912</v>
      </c>
      <c r="N139" s="27">
        <f>'[1]年齢別人口市区町村(外国人)'!G153</f>
        <v>137</v>
      </c>
      <c r="O139" s="28">
        <f>'[1]年齢別人口市区町村(総数)'!G153</f>
        <v>6049</v>
      </c>
      <c r="P139" s="27">
        <f>'[1]年齢別人口市区町村(日本人)'!H153</f>
        <v>6214</v>
      </c>
      <c r="Q139" s="27">
        <f>'[1]年齢別人口市区町村(外国人)'!H153</f>
        <v>135</v>
      </c>
      <c r="R139" s="28">
        <f>'[1]年齢別人口市区町村(総数)'!H153</f>
        <v>6349</v>
      </c>
      <c r="S139" s="27">
        <f>'[1]年齢別人口市区町村(日本人)'!I153</f>
        <v>6765</v>
      </c>
      <c r="T139" s="27">
        <f>'[1]年齢別人口市区町村(外国人)'!I153</f>
        <v>357</v>
      </c>
      <c r="U139" s="28">
        <f>'[1]年齢別人口市区町村(総数)'!I153</f>
        <v>7122</v>
      </c>
      <c r="V139" s="27">
        <f>'[1]年齢別人口市区町村(日本人)'!J153</f>
        <v>7336</v>
      </c>
      <c r="W139" s="27">
        <f>'[1]年齢別人口市区町村(外国人)'!J153</f>
        <v>590</v>
      </c>
      <c r="X139" s="28">
        <f>'[1]年齢別人口市区町村(総数)'!J153</f>
        <v>7926</v>
      </c>
      <c r="Y139" s="27">
        <f>'[1]年齢別人口市区町村(日本人)'!K153</f>
        <v>8094</v>
      </c>
      <c r="Z139" s="27">
        <f>'[1]年齢別人口市区町村(外国人)'!K153</f>
        <v>576</v>
      </c>
      <c r="AA139" s="28">
        <f>'[1]年齢別人口市区町村(総数)'!K153</f>
        <v>8670</v>
      </c>
      <c r="AB139" s="27">
        <f>'[1]年齢別人口市区町村(日本人)'!L153</f>
        <v>8327</v>
      </c>
      <c r="AC139" s="27">
        <f>'[1]年齢別人口市区町村(外国人)'!L153</f>
        <v>485</v>
      </c>
      <c r="AD139" s="28">
        <f>'[1]年齢別人口市区町村(総数)'!L153</f>
        <v>8812</v>
      </c>
      <c r="AE139" s="27">
        <f>'[1]年齢別人口市区町村(日本人)'!M153</f>
        <v>9027</v>
      </c>
      <c r="AF139" s="27">
        <f>'[1]年齢別人口市区町村(外国人)'!M153</f>
        <v>376</v>
      </c>
      <c r="AG139" s="28">
        <f>'[1]年齢別人口市区町村(総数)'!M153</f>
        <v>9403</v>
      </c>
      <c r="AH139" s="27">
        <f>'[1]年齢別人口市区町村(日本人)'!N153</f>
        <v>10026</v>
      </c>
      <c r="AI139" s="27">
        <f>'[1]年齢別人口市区町村(外国人)'!N153</f>
        <v>284</v>
      </c>
      <c r="AJ139" s="28">
        <f>'[1]年齢別人口市区町村(総数)'!N153</f>
        <v>10310</v>
      </c>
      <c r="AK139" s="27">
        <f>'[1]年齢別人口市区町村(日本人)'!O153</f>
        <v>11681</v>
      </c>
      <c r="AL139" s="27">
        <f>'[1]年齢別人口市区町村(外国人)'!O153</f>
        <v>244</v>
      </c>
      <c r="AM139" s="28">
        <f>'[1]年齢別人口市区町村(総数)'!O153</f>
        <v>11925</v>
      </c>
      <c r="AN139" s="27">
        <f>'[1]年齢別人口市区町村(日本人)'!P153</f>
        <v>10051</v>
      </c>
      <c r="AO139" s="27">
        <f>'[1]年齢別人口市区町村(外国人)'!P153</f>
        <v>208</v>
      </c>
      <c r="AP139" s="28">
        <f>'[1]年齢別人口市区町村(総数)'!P153</f>
        <v>10259</v>
      </c>
      <c r="AQ139" s="27">
        <f>'[1]年齢別人口市区町村(日本人)'!Q153</f>
        <v>7994</v>
      </c>
      <c r="AR139" s="27">
        <f>'[1]年齢別人口市区町村(外国人)'!Q153</f>
        <v>122</v>
      </c>
      <c r="AS139" s="28">
        <f>'[1]年齢別人口市区町村(総数)'!Q153</f>
        <v>8116</v>
      </c>
      <c r="AT139" s="27">
        <f>'[1]年齢別人口市区町村(日本人)'!R153</f>
        <v>6602</v>
      </c>
      <c r="AU139" s="27">
        <f>'[1]年齢別人口市区町村(外国人)'!R153</f>
        <v>80</v>
      </c>
      <c r="AV139" s="28">
        <f>'[1]年齢別人口市区町村(総数)'!R153</f>
        <v>6682</v>
      </c>
      <c r="AW139" s="27">
        <f>'[1]年齢別人口市区町村(日本人)'!S153</f>
        <v>7249</v>
      </c>
      <c r="AX139" s="27">
        <f>'[1]年齢別人口市区町村(外国人)'!S153</f>
        <v>57</v>
      </c>
      <c r="AY139" s="28">
        <f>'[1]年齢別人口市区町村(総数)'!S153</f>
        <v>7306</v>
      </c>
      <c r="AZ139" s="27">
        <f>'[1]年齢別人口市区町村(日本人)'!T153</f>
        <v>8639</v>
      </c>
      <c r="BA139" s="27">
        <f>'[1]年齢別人口市区町村(外国人)'!T153</f>
        <v>28</v>
      </c>
      <c r="BB139" s="28">
        <f>'[1]年齢別人口市区町村(総数)'!T153</f>
        <v>8667</v>
      </c>
      <c r="BC139" s="27">
        <f>'[1]年齢別人口市区町村(日本人)'!U153</f>
        <v>6171</v>
      </c>
      <c r="BD139" s="27">
        <f>'[1]年齢別人口市区町村(外国人)'!U153</f>
        <v>20</v>
      </c>
      <c r="BE139" s="28">
        <f>'[1]年齢別人口市区町村(総数)'!U153</f>
        <v>6191</v>
      </c>
      <c r="BF139" s="27">
        <f>'[1]年齢別人口市区町村(日本人)'!V153</f>
        <v>3872</v>
      </c>
      <c r="BG139" s="27">
        <f>'[1]年齢別人口市区町村(外国人)'!V153</f>
        <v>7</v>
      </c>
      <c r="BH139" s="28">
        <f>'[1]年齢別人口市区町村(総数)'!V153</f>
        <v>3879</v>
      </c>
      <c r="BI139" s="27">
        <f>'[1]年齢別人口市区町村(日本人)'!W153</f>
        <v>1529</v>
      </c>
      <c r="BJ139" s="27">
        <f>'[1]年齢別人口市区町村(外国人)'!W153</f>
        <v>11</v>
      </c>
      <c r="BK139" s="28">
        <f>'[1]年齢別人口市区町村(総数)'!W153</f>
        <v>1540</v>
      </c>
      <c r="BL139" s="27">
        <f>'[1]年齢別人口市区町村(日本人)'!X153</f>
        <v>428</v>
      </c>
      <c r="BM139" s="27">
        <f>'[1]年齢別人口市区町村(外国人)'!X153</f>
        <v>3</v>
      </c>
      <c r="BN139" s="28">
        <f>'[1]年齢別人口市区町村(総数)'!X153</f>
        <v>431</v>
      </c>
      <c r="BO139" s="27">
        <f>'[1]年齢別人口市区町村(日本人)'!Y153</f>
        <v>51</v>
      </c>
      <c r="BP139" s="27">
        <f>'[1]年齢別人口市区町村(外国人)'!Y153</f>
        <v>0</v>
      </c>
      <c r="BQ139" s="62">
        <f>'[1]年齢別人口市区町村(総数)'!Y153</f>
        <v>51</v>
      </c>
    </row>
    <row r="140" spans="1:69" x14ac:dyDescent="0.15">
      <c r="A140" s="20"/>
      <c r="B140" s="17" t="s">
        <v>29</v>
      </c>
      <c r="C140" s="45">
        <v>142166</v>
      </c>
      <c r="D140" s="18">
        <f>'[1]年齢別人口市区町村(日本人)'!D157</f>
        <v>63314</v>
      </c>
      <c r="E140" s="19">
        <f>'[1]年齢別人口市区町村(外国人)'!D157</f>
        <v>2390</v>
      </c>
      <c r="F140" s="19">
        <f>'[1]年齢別人口市区町村(総数)'!D157</f>
        <v>65704</v>
      </c>
      <c r="G140" s="19">
        <f>'[1]年齢別人口市区町村(日本人)'!E157</f>
        <v>1957</v>
      </c>
      <c r="H140" s="19">
        <f>'[1]年齢別人口市区町村(外国人)'!E157</f>
        <v>88</v>
      </c>
      <c r="I140" s="19">
        <f>'[1]年齢別人口市区町村(総数)'!E157</f>
        <v>2045</v>
      </c>
      <c r="J140" s="19">
        <f>'[1]年齢別人口市区町村(日本人)'!F157</f>
        <v>2332</v>
      </c>
      <c r="K140" s="19">
        <f>'[1]年齢別人口市区町村(外国人)'!F157</f>
        <v>94</v>
      </c>
      <c r="L140" s="19">
        <f>'[1]年齢別人口市区町村(総数)'!F157</f>
        <v>2426</v>
      </c>
      <c r="M140" s="19">
        <f>'[1]年齢別人口市区町村(日本人)'!G157</f>
        <v>2545</v>
      </c>
      <c r="N140" s="19">
        <f>'[1]年齢別人口市区町村(外国人)'!G157</f>
        <v>84</v>
      </c>
      <c r="O140" s="19">
        <f>'[1]年齢別人口市区町村(総数)'!G157</f>
        <v>2629</v>
      </c>
      <c r="P140" s="19">
        <f>'[1]年齢別人口市区町村(日本人)'!H157</f>
        <v>2806</v>
      </c>
      <c r="Q140" s="19">
        <f>'[1]年齢別人口市区町村(外国人)'!H157</f>
        <v>84</v>
      </c>
      <c r="R140" s="19">
        <f>'[1]年齢別人口市区町村(総数)'!H157</f>
        <v>2890</v>
      </c>
      <c r="S140" s="19">
        <f>'[1]年齢別人口市区町村(日本人)'!I157</f>
        <v>3076</v>
      </c>
      <c r="T140" s="19">
        <f>'[1]年齢別人口市区町村(外国人)'!I157</f>
        <v>278</v>
      </c>
      <c r="U140" s="19">
        <f>'[1]年齢別人口市区町村(総数)'!I157</f>
        <v>3354</v>
      </c>
      <c r="V140" s="19">
        <f>'[1]年齢別人口市区町村(日本人)'!J157</f>
        <v>3386</v>
      </c>
      <c r="W140" s="19">
        <f>'[1]年齢別人口市区町村(外国人)'!J157</f>
        <v>397</v>
      </c>
      <c r="X140" s="19">
        <f>'[1]年齢別人口市区町村(総数)'!J157</f>
        <v>3783</v>
      </c>
      <c r="Y140" s="19">
        <f>'[1]年齢別人口市区町村(日本人)'!K157</f>
        <v>3514</v>
      </c>
      <c r="Z140" s="19">
        <f>'[1]年齢別人口市区町村(外国人)'!K157</f>
        <v>309</v>
      </c>
      <c r="AA140" s="19">
        <f>'[1]年齢別人口市区町村(総数)'!K157</f>
        <v>3823</v>
      </c>
      <c r="AB140" s="19">
        <f>'[1]年齢別人口市区町村(日本人)'!L157</f>
        <v>3646</v>
      </c>
      <c r="AC140" s="19">
        <f>'[1]年齢別人口市区町村(外国人)'!L157</f>
        <v>272</v>
      </c>
      <c r="AD140" s="19">
        <f>'[1]年齢別人口市区町村(総数)'!L157</f>
        <v>3918</v>
      </c>
      <c r="AE140" s="19">
        <f>'[1]年齢別人口市区町村(日本人)'!M157</f>
        <v>4054</v>
      </c>
      <c r="AF140" s="19">
        <f>'[1]年齢別人口市区町村(外国人)'!M157</f>
        <v>213</v>
      </c>
      <c r="AG140" s="19">
        <f>'[1]年齢別人口市区町村(総数)'!M157</f>
        <v>4267</v>
      </c>
      <c r="AH140" s="19">
        <f>'[1]年齢別人口市区町村(日本人)'!N157</f>
        <v>4667</v>
      </c>
      <c r="AI140" s="19">
        <f>'[1]年齢別人口市区町村(外国人)'!N157</f>
        <v>146</v>
      </c>
      <c r="AJ140" s="19">
        <f>'[1]年齢別人口市区町村(総数)'!N157</f>
        <v>4813</v>
      </c>
      <c r="AK140" s="19">
        <f>'[1]年齢別人口市区町村(日本人)'!O157</f>
        <v>5896</v>
      </c>
      <c r="AL140" s="19">
        <f>'[1]年齢別人口市区町村(外国人)'!O157</f>
        <v>116</v>
      </c>
      <c r="AM140" s="19">
        <f>'[1]年齢別人口市区町村(総数)'!O157</f>
        <v>6012</v>
      </c>
      <c r="AN140" s="19">
        <f>'[1]年齢別人口市区町村(日本人)'!P157</f>
        <v>5408</v>
      </c>
      <c r="AO140" s="19">
        <f>'[1]年齢別人口市区町村(外国人)'!P157</f>
        <v>112</v>
      </c>
      <c r="AP140" s="19">
        <f>'[1]年齢別人口市区町村(総数)'!P157</f>
        <v>5520</v>
      </c>
      <c r="AQ140" s="19">
        <f>'[1]年齢別人口市区町村(日本人)'!Q157</f>
        <v>4545</v>
      </c>
      <c r="AR140" s="19">
        <f>'[1]年齢別人口市区町村(外国人)'!Q157</f>
        <v>87</v>
      </c>
      <c r="AS140" s="19">
        <f>'[1]年齢別人口市区町村(総数)'!Q157</f>
        <v>4632</v>
      </c>
      <c r="AT140" s="19">
        <f>'[1]年齢別人口市区町村(日本人)'!R157</f>
        <v>3510</v>
      </c>
      <c r="AU140" s="19">
        <f>'[1]年齢別人口市区町村(外国人)'!R157</f>
        <v>43</v>
      </c>
      <c r="AV140" s="19">
        <f>'[1]年齢別人口市区町村(総数)'!R157</f>
        <v>3553</v>
      </c>
      <c r="AW140" s="19">
        <f>'[1]年齢別人口市区町村(日本人)'!S157</f>
        <v>3463</v>
      </c>
      <c r="AX140" s="19">
        <f>'[1]年齢別人口市区町村(外国人)'!S157</f>
        <v>36</v>
      </c>
      <c r="AY140" s="19">
        <f>'[1]年齢別人口市区町村(総数)'!S157</f>
        <v>3499</v>
      </c>
      <c r="AZ140" s="19">
        <f>'[1]年齢別人口市区町村(日本人)'!T157</f>
        <v>3784</v>
      </c>
      <c r="BA140" s="19">
        <f>'[1]年齢別人口市区町村(外国人)'!T157</f>
        <v>16</v>
      </c>
      <c r="BB140" s="19">
        <f>'[1]年齢別人口市区町村(総数)'!T157</f>
        <v>3800</v>
      </c>
      <c r="BC140" s="19">
        <f>'[1]年齢別人口市区町村(日本人)'!U157</f>
        <v>2604</v>
      </c>
      <c r="BD140" s="19">
        <f>'[1]年齢別人口市区町村(外国人)'!U157</f>
        <v>9</v>
      </c>
      <c r="BE140" s="19">
        <f>'[1]年齢別人口市区町村(総数)'!U157</f>
        <v>2613</v>
      </c>
      <c r="BF140" s="19">
        <f>'[1]年齢別人口市区町村(日本人)'!V157</f>
        <v>1529</v>
      </c>
      <c r="BG140" s="19">
        <f>'[1]年齢別人口市区町村(外国人)'!V157</f>
        <v>4</v>
      </c>
      <c r="BH140" s="19">
        <f>'[1]年齢別人口市区町村(総数)'!V157</f>
        <v>1533</v>
      </c>
      <c r="BI140" s="19">
        <f>'[1]年齢別人口市区町村(日本人)'!W157</f>
        <v>516</v>
      </c>
      <c r="BJ140" s="19">
        <f>'[1]年齢別人口市区町村(外国人)'!W157</f>
        <v>1</v>
      </c>
      <c r="BK140" s="19">
        <f>'[1]年齢別人口市区町村(総数)'!W157</f>
        <v>517</v>
      </c>
      <c r="BL140" s="19">
        <f>'[1]年齢別人口市区町村(日本人)'!X157</f>
        <v>69</v>
      </c>
      <c r="BM140" s="19">
        <f>'[1]年齢別人口市区町村(外国人)'!X157</f>
        <v>0</v>
      </c>
      <c r="BN140" s="19">
        <f>'[1]年齢別人口市区町村(総数)'!X157</f>
        <v>69</v>
      </c>
      <c r="BO140" s="19">
        <f>'[1]年齢別人口市区町村(日本人)'!Y157</f>
        <v>7</v>
      </c>
      <c r="BP140" s="19">
        <f>'[1]年齢別人口市区町村(外国人)'!Y157</f>
        <v>0</v>
      </c>
      <c r="BQ140" s="60">
        <f>'[1]年齢別人口市区町村(総数)'!Y157</f>
        <v>7</v>
      </c>
    </row>
    <row r="141" spans="1:69" x14ac:dyDescent="0.15">
      <c r="A141" s="20" t="s">
        <v>75</v>
      </c>
      <c r="B141" s="21" t="s">
        <v>31</v>
      </c>
      <c r="C141" s="46"/>
      <c r="D141" s="22">
        <f>'[1]年齢別人口市区町村(日本人)'!D158</f>
        <v>63473</v>
      </c>
      <c r="E141" s="23">
        <f>'[1]年齢別人口市区町村(外国人)'!D158</f>
        <v>2115</v>
      </c>
      <c r="F141" s="24">
        <f>'[1]年齢別人口市区町村(総数)'!D158</f>
        <v>65588</v>
      </c>
      <c r="G141" s="23">
        <f>'[1]年齢別人口市区町村(日本人)'!E158</f>
        <v>1785</v>
      </c>
      <c r="H141" s="23">
        <f>'[1]年齢別人口市区町村(外国人)'!E158</f>
        <v>89</v>
      </c>
      <c r="I141" s="24">
        <f>'[1]年齢別人口市区町村(総数)'!E158</f>
        <v>1874</v>
      </c>
      <c r="J141" s="23">
        <f>'[1]年齢別人口市区町村(日本人)'!F158</f>
        <v>2239</v>
      </c>
      <c r="K141" s="23">
        <f>'[1]年齢別人口市区町村(外国人)'!F158</f>
        <v>75</v>
      </c>
      <c r="L141" s="24">
        <f>'[1]年齢別人口市区町村(総数)'!F158</f>
        <v>2314</v>
      </c>
      <c r="M141" s="23">
        <f>'[1]年齢別人口市区町村(日本人)'!G158</f>
        <v>2517</v>
      </c>
      <c r="N141" s="23">
        <f>'[1]年齢別人口市区町村(外国人)'!G158</f>
        <v>93</v>
      </c>
      <c r="O141" s="24">
        <f>'[1]年齢別人口市区町村(総数)'!G158</f>
        <v>2610</v>
      </c>
      <c r="P141" s="23">
        <f>'[1]年齢別人口市区町村(日本人)'!H158</f>
        <v>2680</v>
      </c>
      <c r="Q141" s="23">
        <f>'[1]年齢別人口市区町村(外国人)'!H158</f>
        <v>79</v>
      </c>
      <c r="R141" s="24">
        <f>'[1]年齢別人口市区町村(総数)'!H158</f>
        <v>2759</v>
      </c>
      <c r="S141" s="23">
        <f>'[1]年齢別人口市区町村(日本人)'!I158</f>
        <v>2897</v>
      </c>
      <c r="T141" s="23">
        <f>'[1]年齢別人口市区町村(外国人)'!I158</f>
        <v>169</v>
      </c>
      <c r="U141" s="24">
        <f>'[1]年齢別人口市区町村(総数)'!I158</f>
        <v>3066</v>
      </c>
      <c r="V141" s="23">
        <f>'[1]年齢別人口市区町村(日本人)'!J158</f>
        <v>3151</v>
      </c>
      <c r="W141" s="23">
        <f>'[1]年齢別人口市区町村(外国人)'!J158</f>
        <v>223</v>
      </c>
      <c r="X141" s="24">
        <f>'[1]年齢別人口市区町村(総数)'!J158</f>
        <v>3374</v>
      </c>
      <c r="Y141" s="23">
        <f>'[1]年齢別人口市区町村(日本人)'!K158</f>
        <v>3264</v>
      </c>
      <c r="Z141" s="23">
        <f>'[1]年齢別人口市区町村(外国人)'!K158</f>
        <v>207</v>
      </c>
      <c r="AA141" s="24">
        <f>'[1]年齢別人口市区町村(総数)'!K158</f>
        <v>3471</v>
      </c>
      <c r="AB141" s="23">
        <f>'[1]年齢別人口市区町村(日本人)'!L158</f>
        <v>3320</v>
      </c>
      <c r="AC141" s="23">
        <f>'[1]年齢別人口市区町村(外国人)'!L158</f>
        <v>193</v>
      </c>
      <c r="AD141" s="24">
        <f>'[1]年齢別人口市区町村(総数)'!L158</f>
        <v>3513</v>
      </c>
      <c r="AE141" s="23">
        <f>'[1]年齢別人口市区町村(日本人)'!M158</f>
        <v>3611</v>
      </c>
      <c r="AF141" s="23">
        <f>'[1]年齢別人口市区町村(外国人)'!M158</f>
        <v>207</v>
      </c>
      <c r="AG141" s="24">
        <f>'[1]年齢別人口市区町村(総数)'!M158</f>
        <v>3818</v>
      </c>
      <c r="AH141" s="23">
        <f>'[1]年齢別人口市区町村(日本人)'!N158</f>
        <v>4329</v>
      </c>
      <c r="AI141" s="23">
        <f>'[1]年齢別人口市区町村(外国人)'!N158</f>
        <v>187</v>
      </c>
      <c r="AJ141" s="24">
        <f>'[1]年齢別人口市区町村(総数)'!N158</f>
        <v>4516</v>
      </c>
      <c r="AK141" s="23">
        <f>'[1]年齢別人口市区町村(日本人)'!O158</f>
        <v>5319</v>
      </c>
      <c r="AL141" s="23">
        <f>'[1]年齢別人口市区町村(外国人)'!O158</f>
        <v>137</v>
      </c>
      <c r="AM141" s="24">
        <f>'[1]年齢別人口市区町村(総数)'!O158</f>
        <v>5456</v>
      </c>
      <c r="AN141" s="23">
        <f>'[1]年齢別人口市区町村(日本人)'!P158</f>
        <v>4986</v>
      </c>
      <c r="AO141" s="23">
        <f>'[1]年齢別人口市区町村(外国人)'!P158</f>
        <v>174</v>
      </c>
      <c r="AP141" s="24">
        <f>'[1]年齢別人口市区町村(総数)'!P158</f>
        <v>5160</v>
      </c>
      <c r="AQ141" s="23">
        <f>'[1]年齢別人口市区町村(日本人)'!Q158</f>
        <v>4192</v>
      </c>
      <c r="AR141" s="23">
        <f>'[1]年齢別人口市区町村(外国人)'!Q158</f>
        <v>114</v>
      </c>
      <c r="AS141" s="24">
        <f>'[1]年齢別人口市区町村(総数)'!Q158</f>
        <v>4306</v>
      </c>
      <c r="AT141" s="23">
        <f>'[1]年齢別人口市区町村(日本人)'!R158</f>
        <v>3421</v>
      </c>
      <c r="AU141" s="23">
        <f>'[1]年齢別人口市区町村(外国人)'!R158</f>
        <v>91</v>
      </c>
      <c r="AV141" s="24">
        <f>'[1]年齢別人口市区町村(総数)'!R158</f>
        <v>3512</v>
      </c>
      <c r="AW141" s="23">
        <f>'[1]年齢別人口市区町村(日本人)'!S158</f>
        <v>3675</v>
      </c>
      <c r="AX141" s="23">
        <f>'[1]年齢別人口市区町村(外国人)'!S158</f>
        <v>34</v>
      </c>
      <c r="AY141" s="24">
        <f>'[1]年齢別人口市区町村(総数)'!S158</f>
        <v>3709</v>
      </c>
      <c r="AZ141" s="23">
        <f>'[1]年齢別人口市区町村(日本人)'!T158</f>
        <v>4642</v>
      </c>
      <c r="BA141" s="23">
        <f>'[1]年齢別人口市区町村(外国人)'!T158</f>
        <v>16</v>
      </c>
      <c r="BB141" s="24">
        <f>'[1]年齢別人口市区町村(総数)'!T158</f>
        <v>4658</v>
      </c>
      <c r="BC141" s="23">
        <f>'[1]年齢別人口市区町村(日本人)'!U158</f>
        <v>3688</v>
      </c>
      <c r="BD141" s="23">
        <f>'[1]年齢別人口市区町村(外国人)'!U158</f>
        <v>13</v>
      </c>
      <c r="BE141" s="24">
        <f>'[1]年齢別人口市区町村(総数)'!U158</f>
        <v>3701</v>
      </c>
      <c r="BF141" s="23">
        <f>'[1]年齢別人口市区町村(日本人)'!V158</f>
        <v>2330</v>
      </c>
      <c r="BG141" s="23">
        <f>'[1]年齢別人口市区町村(外国人)'!V158</f>
        <v>5</v>
      </c>
      <c r="BH141" s="24">
        <f>'[1]年齢別人口市区町村(総数)'!V158</f>
        <v>2335</v>
      </c>
      <c r="BI141" s="23">
        <f>'[1]年齢別人口市区町村(日本人)'!W158</f>
        <v>1066</v>
      </c>
      <c r="BJ141" s="23">
        <f>'[1]年齢別人口市区町村(外国人)'!W158</f>
        <v>4</v>
      </c>
      <c r="BK141" s="24">
        <f>'[1]年齢別人口市区町村(総数)'!W158</f>
        <v>1070</v>
      </c>
      <c r="BL141" s="23">
        <f>'[1]年齢別人口市区町村(日本人)'!X158</f>
        <v>323</v>
      </c>
      <c r="BM141" s="23">
        <f>'[1]年齢別人口市区町村(外国人)'!X158</f>
        <v>3</v>
      </c>
      <c r="BN141" s="24">
        <f>'[1]年齢別人口市区町村(総数)'!X158</f>
        <v>326</v>
      </c>
      <c r="BO141" s="23">
        <f>'[1]年齢別人口市区町村(日本人)'!Y158</f>
        <v>38</v>
      </c>
      <c r="BP141" s="23">
        <f>'[1]年齢別人口市区町村(外国人)'!Y158</f>
        <v>1</v>
      </c>
      <c r="BQ141" s="61">
        <f>'[1]年齢別人口市区町村(総数)'!Y158</f>
        <v>39</v>
      </c>
    </row>
    <row r="142" spans="1:69" ht="15" thickBot="1" x14ac:dyDescent="0.2">
      <c r="A142" s="29"/>
      <c r="B142" s="25" t="s">
        <v>32</v>
      </c>
      <c r="C142" s="47"/>
      <c r="D142" s="26">
        <f>'[1]年齢別人口市区町村(日本人)'!D156</f>
        <v>126787</v>
      </c>
      <c r="E142" s="27">
        <f>'[1]年齢別人口市区町村(外国人)'!D156</f>
        <v>4505</v>
      </c>
      <c r="F142" s="28">
        <f>'[1]年齢別人口市区町村(総数)'!D156</f>
        <v>131292</v>
      </c>
      <c r="G142" s="27">
        <f>'[1]年齢別人口市区町村(日本人)'!E156</f>
        <v>3742</v>
      </c>
      <c r="H142" s="27">
        <f>'[1]年齢別人口市区町村(外国人)'!E156</f>
        <v>177</v>
      </c>
      <c r="I142" s="28">
        <f>'[1]年齢別人口市区町村(総数)'!E156</f>
        <v>3919</v>
      </c>
      <c r="J142" s="27">
        <f>'[1]年齢別人口市区町村(日本人)'!F156</f>
        <v>4571</v>
      </c>
      <c r="K142" s="27">
        <f>'[1]年齢別人口市区町村(外国人)'!F156</f>
        <v>169</v>
      </c>
      <c r="L142" s="28">
        <f>'[1]年齢別人口市区町村(総数)'!F156</f>
        <v>4740</v>
      </c>
      <c r="M142" s="27">
        <f>'[1]年齢別人口市区町村(日本人)'!G156</f>
        <v>5062</v>
      </c>
      <c r="N142" s="27">
        <f>'[1]年齢別人口市区町村(外国人)'!G156</f>
        <v>177</v>
      </c>
      <c r="O142" s="28">
        <f>'[1]年齢別人口市区町村(総数)'!G156</f>
        <v>5239</v>
      </c>
      <c r="P142" s="27">
        <f>'[1]年齢別人口市区町村(日本人)'!H156</f>
        <v>5486</v>
      </c>
      <c r="Q142" s="27">
        <f>'[1]年齢別人口市区町村(外国人)'!H156</f>
        <v>163</v>
      </c>
      <c r="R142" s="28">
        <f>'[1]年齢別人口市区町村(総数)'!H156</f>
        <v>5649</v>
      </c>
      <c r="S142" s="27">
        <f>'[1]年齢別人口市区町村(日本人)'!I156</f>
        <v>5973</v>
      </c>
      <c r="T142" s="27">
        <f>'[1]年齢別人口市区町村(外国人)'!I156</f>
        <v>447</v>
      </c>
      <c r="U142" s="28">
        <f>'[1]年齢別人口市区町村(総数)'!I156</f>
        <v>6420</v>
      </c>
      <c r="V142" s="27">
        <f>'[1]年齢別人口市区町村(日本人)'!J156</f>
        <v>6537</v>
      </c>
      <c r="W142" s="27">
        <f>'[1]年齢別人口市区町村(外国人)'!J156</f>
        <v>620</v>
      </c>
      <c r="X142" s="28">
        <f>'[1]年齢別人口市区町村(総数)'!J156</f>
        <v>7157</v>
      </c>
      <c r="Y142" s="27">
        <f>'[1]年齢別人口市区町村(日本人)'!K156</f>
        <v>6778</v>
      </c>
      <c r="Z142" s="27">
        <f>'[1]年齢別人口市区町村(外国人)'!K156</f>
        <v>516</v>
      </c>
      <c r="AA142" s="28">
        <f>'[1]年齢別人口市区町村(総数)'!K156</f>
        <v>7294</v>
      </c>
      <c r="AB142" s="27">
        <f>'[1]年齢別人口市区町村(日本人)'!L156</f>
        <v>6966</v>
      </c>
      <c r="AC142" s="27">
        <f>'[1]年齢別人口市区町村(外国人)'!L156</f>
        <v>465</v>
      </c>
      <c r="AD142" s="28">
        <f>'[1]年齢別人口市区町村(総数)'!L156</f>
        <v>7431</v>
      </c>
      <c r="AE142" s="27">
        <f>'[1]年齢別人口市区町村(日本人)'!M156</f>
        <v>7665</v>
      </c>
      <c r="AF142" s="27">
        <f>'[1]年齢別人口市区町村(外国人)'!M156</f>
        <v>420</v>
      </c>
      <c r="AG142" s="28">
        <f>'[1]年齢別人口市区町村(総数)'!M156</f>
        <v>8085</v>
      </c>
      <c r="AH142" s="27">
        <f>'[1]年齢別人口市区町村(日本人)'!N156</f>
        <v>8996</v>
      </c>
      <c r="AI142" s="27">
        <f>'[1]年齢別人口市区町村(外国人)'!N156</f>
        <v>333</v>
      </c>
      <c r="AJ142" s="28">
        <f>'[1]年齢別人口市区町村(総数)'!N156</f>
        <v>9329</v>
      </c>
      <c r="AK142" s="27">
        <f>'[1]年齢別人口市区町村(日本人)'!O156</f>
        <v>11215</v>
      </c>
      <c r="AL142" s="27">
        <f>'[1]年齢別人口市区町村(外国人)'!O156</f>
        <v>253</v>
      </c>
      <c r="AM142" s="28">
        <f>'[1]年齢別人口市区町村(総数)'!O156</f>
        <v>11468</v>
      </c>
      <c r="AN142" s="27">
        <f>'[1]年齢別人口市区町村(日本人)'!P156</f>
        <v>10394</v>
      </c>
      <c r="AO142" s="27">
        <f>'[1]年齢別人口市区町村(外国人)'!P156</f>
        <v>286</v>
      </c>
      <c r="AP142" s="28">
        <f>'[1]年齢別人口市区町村(総数)'!P156</f>
        <v>10680</v>
      </c>
      <c r="AQ142" s="27">
        <f>'[1]年齢別人口市区町村(日本人)'!Q156</f>
        <v>8737</v>
      </c>
      <c r="AR142" s="27">
        <f>'[1]年齢別人口市区町村(外国人)'!Q156</f>
        <v>201</v>
      </c>
      <c r="AS142" s="28">
        <f>'[1]年齢別人口市区町村(総数)'!Q156</f>
        <v>8938</v>
      </c>
      <c r="AT142" s="27">
        <f>'[1]年齢別人口市区町村(日本人)'!R156</f>
        <v>6931</v>
      </c>
      <c r="AU142" s="27">
        <f>'[1]年齢別人口市区町村(外国人)'!R156</f>
        <v>134</v>
      </c>
      <c r="AV142" s="28">
        <f>'[1]年齢別人口市区町村(総数)'!R156</f>
        <v>7065</v>
      </c>
      <c r="AW142" s="27">
        <f>'[1]年齢別人口市区町村(日本人)'!S156</f>
        <v>7138</v>
      </c>
      <c r="AX142" s="27">
        <f>'[1]年齢別人口市区町村(外国人)'!S156</f>
        <v>70</v>
      </c>
      <c r="AY142" s="28">
        <f>'[1]年齢別人口市区町村(総数)'!S156</f>
        <v>7208</v>
      </c>
      <c r="AZ142" s="27">
        <f>'[1]年齢別人口市区町村(日本人)'!T156</f>
        <v>8426</v>
      </c>
      <c r="BA142" s="27">
        <f>'[1]年齢別人口市区町村(外国人)'!T156</f>
        <v>32</v>
      </c>
      <c r="BB142" s="28">
        <f>'[1]年齢別人口市区町村(総数)'!T156</f>
        <v>8458</v>
      </c>
      <c r="BC142" s="27">
        <f>'[1]年齢別人口市区町村(日本人)'!U156</f>
        <v>6292</v>
      </c>
      <c r="BD142" s="27">
        <f>'[1]年齢別人口市区町村(外国人)'!U156</f>
        <v>22</v>
      </c>
      <c r="BE142" s="28">
        <f>'[1]年齢別人口市区町村(総数)'!U156</f>
        <v>6314</v>
      </c>
      <c r="BF142" s="27">
        <f>'[1]年齢別人口市区町村(日本人)'!V156</f>
        <v>3859</v>
      </c>
      <c r="BG142" s="27">
        <f>'[1]年齢別人口市区町村(外国人)'!V156</f>
        <v>9</v>
      </c>
      <c r="BH142" s="28">
        <f>'[1]年齢別人口市区町村(総数)'!V156</f>
        <v>3868</v>
      </c>
      <c r="BI142" s="27">
        <f>'[1]年齢別人口市区町村(日本人)'!W156</f>
        <v>1582</v>
      </c>
      <c r="BJ142" s="27">
        <f>'[1]年齢別人口市区町村(外国人)'!W156</f>
        <v>5</v>
      </c>
      <c r="BK142" s="28">
        <f>'[1]年齢別人口市区町村(総数)'!W156</f>
        <v>1587</v>
      </c>
      <c r="BL142" s="27">
        <f>'[1]年齢別人口市区町村(日本人)'!X156</f>
        <v>392</v>
      </c>
      <c r="BM142" s="27">
        <f>'[1]年齢別人口市区町村(外国人)'!X156</f>
        <v>3</v>
      </c>
      <c r="BN142" s="28">
        <f>'[1]年齢別人口市区町村(総数)'!X156</f>
        <v>395</v>
      </c>
      <c r="BO142" s="27">
        <f>'[1]年齢別人口市区町村(日本人)'!Y156</f>
        <v>45</v>
      </c>
      <c r="BP142" s="27">
        <f>'[1]年齢別人口市区町村(外国人)'!Y156</f>
        <v>1</v>
      </c>
      <c r="BQ142" s="62">
        <f>'[1]年齢別人口市区町村(総数)'!Y156</f>
        <v>46</v>
      </c>
    </row>
    <row r="143" spans="1:69" x14ac:dyDescent="0.15">
      <c r="A143" s="20"/>
      <c r="B143" s="17" t="s">
        <v>29</v>
      </c>
      <c r="C143" s="45">
        <v>142174</v>
      </c>
      <c r="D143" s="18">
        <f>'[1]年齢別人口市区町村(日本人)'!D160</f>
        <v>19138</v>
      </c>
      <c r="E143" s="19">
        <f>'[1]年齢別人口市区町村(外国人)'!D160</f>
        <v>326</v>
      </c>
      <c r="F143" s="19">
        <f>'[1]年齢別人口市区町村(総数)'!D160</f>
        <v>19464</v>
      </c>
      <c r="G143" s="19">
        <f>'[1]年齢別人口市区町村(日本人)'!E160</f>
        <v>387</v>
      </c>
      <c r="H143" s="19">
        <f>'[1]年齢別人口市区町村(外国人)'!E160</f>
        <v>4</v>
      </c>
      <c r="I143" s="19">
        <f>'[1]年齢別人口市区町村(総数)'!E160</f>
        <v>391</v>
      </c>
      <c r="J143" s="19">
        <f>'[1]年齢別人口市区町村(日本人)'!F160</f>
        <v>602</v>
      </c>
      <c r="K143" s="19">
        <f>'[1]年齢別人口市区町村(外国人)'!F160</f>
        <v>2</v>
      </c>
      <c r="L143" s="19">
        <f>'[1]年齢別人口市区町村(総数)'!F160</f>
        <v>604</v>
      </c>
      <c r="M143" s="19">
        <f>'[1]年齢別人口市区町村(日本人)'!G160</f>
        <v>836</v>
      </c>
      <c r="N143" s="19">
        <f>'[1]年齢別人口市区町村(外国人)'!G160</f>
        <v>8</v>
      </c>
      <c r="O143" s="19">
        <f>'[1]年齢別人口市区町村(総数)'!G160</f>
        <v>844</v>
      </c>
      <c r="P143" s="19">
        <f>'[1]年齢別人口市区町村(日本人)'!H160</f>
        <v>906</v>
      </c>
      <c r="Q143" s="19">
        <f>'[1]年齢別人口市区町村(外国人)'!H160</f>
        <v>10</v>
      </c>
      <c r="R143" s="19">
        <f>'[1]年齢別人口市区町村(総数)'!H160</f>
        <v>916</v>
      </c>
      <c r="S143" s="19">
        <f>'[1]年齢別人口市区町村(日本人)'!I160</f>
        <v>919</v>
      </c>
      <c r="T143" s="19">
        <f>'[1]年齢別人口市区町村(外国人)'!I160</f>
        <v>31</v>
      </c>
      <c r="U143" s="19">
        <f>'[1]年齢別人口市区町村(総数)'!I160</f>
        <v>950</v>
      </c>
      <c r="V143" s="19">
        <f>'[1]年齢別人口市区町村(日本人)'!J160</f>
        <v>875</v>
      </c>
      <c r="W143" s="19">
        <f>'[1]年齢別人口市区町村(外国人)'!J160</f>
        <v>53</v>
      </c>
      <c r="X143" s="19">
        <f>'[1]年齢別人口市区町村(総数)'!J160</f>
        <v>928</v>
      </c>
      <c r="Y143" s="19">
        <f>'[1]年齢別人口市区町村(日本人)'!K160</f>
        <v>721</v>
      </c>
      <c r="Z143" s="19">
        <f>'[1]年齢別人口市区町村(外国人)'!K160</f>
        <v>62</v>
      </c>
      <c r="AA143" s="19">
        <f>'[1]年齢別人口市区町村(総数)'!K160</f>
        <v>783</v>
      </c>
      <c r="AB143" s="19">
        <f>'[1]年齢別人口市区町村(日本人)'!L160</f>
        <v>828</v>
      </c>
      <c r="AC143" s="19">
        <f>'[1]年齢別人口市区町村(外国人)'!L160</f>
        <v>39</v>
      </c>
      <c r="AD143" s="19">
        <f>'[1]年齢別人口市区町村(総数)'!L160</f>
        <v>867</v>
      </c>
      <c r="AE143" s="19">
        <f>'[1]年齢別人口市区町村(日本人)'!M160</f>
        <v>1074</v>
      </c>
      <c r="AF143" s="19">
        <f>'[1]年齢別人口市区町村(外国人)'!M160</f>
        <v>31</v>
      </c>
      <c r="AG143" s="19">
        <f>'[1]年齢別人口市区町村(総数)'!M160</f>
        <v>1105</v>
      </c>
      <c r="AH143" s="19">
        <f>'[1]年齢別人口市区町村(日本人)'!N160</f>
        <v>1301</v>
      </c>
      <c r="AI143" s="19">
        <f>'[1]年齢別人口市区町村(外国人)'!N160</f>
        <v>14</v>
      </c>
      <c r="AJ143" s="19">
        <f>'[1]年齢別人口市区町村(総数)'!N160</f>
        <v>1315</v>
      </c>
      <c r="AK143" s="19">
        <f>'[1]年齢別人口市区町村(日本人)'!O160</f>
        <v>1727</v>
      </c>
      <c r="AL143" s="19">
        <f>'[1]年齢別人口市区町村(外国人)'!O160</f>
        <v>17</v>
      </c>
      <c r="AM143" s="19">
        <f>'[1]年齢別人口市区町村(総数)'!O160</f>
        <v>1744</v>
      </c>
      <c r="AN143" s="19">
        <f>'[1]年齢別人口市区町村(日本人)'!P160</f>
        <v>1602</v>
      </c>
      <c r="AO143" s="19">
        <f>'[1]年齢別人口市区町村(外国人)'!P160</f>
        <v>20</v>
      </c>
      <c r="AP143" s="19">
        <f>'[1]年齢別人口市区町村(総数)'!P160</f>
        <v>1622</v>
      </c>
      <c r="AQ143" s="19">
        <f>'[1]年齢別人口市区町村(日本人)'!Q160</f>
        <v>1359</v>
      </c>
      <c r="AR143" s="19">
        <f>'[1]年齢別人口市区町村(外国人)'!Q160</f>
        <v>15</v>
      </c>
      <c r="AS143" s="19">
        <f>'[1]年齢別人口市区町村(総数)'!Q160</f>
        <v>1374</v>
      </c>
      <c r="AT143" s="19">
        <f>'[1]年齢別人口市区町村(日本人)'!R160</f>
        <v>1237</v>
      </c>
      <c r="AU143" s="19">
        <f>'[1]年齢別人口市区町村(外国人)'!R160</f>
        <v>6</v>
      </c>
      <c r="AV143" s="19">
        <f>'[1]年齢別人口市区町村(総数)'!R160</f>
        <v>1243</v>
      </c>
      <c r="AW143" s="19">
        <f>'[1]年齢別人口市区町村(日本人)'!S160</f>
        <v>1297</v>
      </c>
      <c r="AX143" s="19">
        <f>'[1]年齢別人口市区町村(外国人)'!S160</f>
        <v>8</v>
      </c>
      <c r="AY143" s="19">
        <f>'[1]年齢別人口市区町村(総数)'!S160</f>
        <v>1305</v>
      </c>
      <c r="AZ143" s="19">
        <f>'[1]年齢別人口市区町村(日本人)'!T160</f>
        <v>1440</v>
      </c>
      <c r="BA143" s="19">
        <f>'[1]年齢別人口市区町村(外国人)'!T160</f>
        <v>2</v>
      </c>
      <c r="BB143" s="19">
        <f>'[1]年齢別人口市区町村(総数)'!T160</f>
        <v>1442</v>
      </c>
      <c r="BC143" s="19">
        <f>'[1]年齢別人口市区町村(日本人)'!U160</f>
        <v>1074</v>
      </c>
      <c r="BD143" s="19">
        <f>'[1]年齢別人口市区町村(外国人)'!U160</f>
        <v>3</v>
      </c>
      <c r="BE143" s="19">
        <f>'[1]年齢別人口市区町村(総数)'!U160</f>
        <v>1077</v>
      </c>
      <c r="BF143" s="19">
        <f>'[1]年齢別人口市区町村(日本人)'!V160</f>
        <v>632</v>
      </c>
      <c r="BG143" s="19">
        <f>'[1]年齢別人口市区町村(外国人)'!V160</f>
        <v>1</v>
      </c>
      <c r="BH143" s="19">
        <f>'[1]年齢別人口市区町村(総数)'!V160</f>
        <v>633</v>
      </c>
      <c r="BI143" s="19">
        <f>'[1]年齢別人口市区町村(日本人)'!W160</f>
        <v>273</v>
      </c>
      <c r="BJ143" s="19">
        <f>'[1]年齢別人口市区町村(外国人)'!W160</f>
        <v>0</v>
      </c>
      <c r="BK143" s="19">
        <f>'[1]年齢別人口市区町村(総数)'!W160</f>
        <v>273</v>
      </c>
      <c r="BL143" s="19">
        <f>'[1]年齢別人口市区町村(日本人)'!X160</f>
        <v>43</v>
      </c>
      <c r="BM143" s="19">
        <f>'[1]年齢別人口市区町村(外国人)'!X160</f>
        <v>0</v>
      </c>
      <c r="BN143" s="19">
        <f>'[1]年齢別人口市区町村(総数)'!X160</f>
        <v>43</v>
      </c>
      <c r="BO143" s="19">
        <f>'[1]年齢別人口市区町村(日本人)'!Y160</f>
        <v>5</v>
      </c>
      <c r="BP143" s="19">
        <f>'[1]年齢別人口市区町村(外国人)'!Y160</f>
        <v>0</v>
      </c>
      <c r="BQ143" s="60">
        <f>'[1]年齢別人口市区町村(総数)'!Y160</f>
        <v>5</v>
      </c>
    </row>
    <row r="144" spans="1:69" x14ac:dyDescent="0.15">
      <c r="A144" s="20" t="s">
        <v>76</v>
      </c>
      <c r="B144" s="21" t="s">
        <v>31</v>
      </c>
      <c r="C144" s="46"/>
      <c r="D144" s="22">
        <f>'[1]年齢別人口市区町村(日本人)'!D161</f>
        <v>19748</v>
      </c>
      <c r="E144" s="23">
        <f>'[1]年齢別人口市区町村(外国人)'!D161</f>
        <v>425</v>
      </c>
      <c r="F144" s="24">
        <f>'[1]年齢別人口市区町村(総数)'!D161</f>
        <v>20173</v>
      </c>
      <c r="G144" s="23">
        <f>'[1]年齢別人口市区町村(日本人)'!E161</f>
        <v>358</v>
      </c>
      <c r="H144" s="23">
        <f>'[1]年齢別人口市区町村(外国人)'!E161</f>
        <v>10</v>
      </c>
      <c r="I144" s="24">
        <f>'[1]年齢別人口市区町村(総数)'!E161</f>
        <v>368</v>
      </c>
      <c r="J144" s="23">
        <f>'[1]年齢別人口市区町村(日本人)'!F161</f>
        <v>579</v>
      </c>
      <c r="K144" s="23">
        <f>'[1]年齢別人口市区町村(外国人)'!F161</f>
        <v>8</v>
      </c>
      <c r="L144" s="24">
        <f>'[1]年齢別人口市区町村(総数)'!F161</f>
        <v>587</v>
      </c>
      <c r="M144" s="23">
        <f>'[1]年齢別人口市区町村(日本人)'!G161</f>
        <v>799</v>
      </c>
      <c r="N144" s="23">
        <f>'[1]年齢別人口市区町村(外国人)'!G161</f>
        <v>7</v>
      </c>
      <c r="O144" s="24">
        <f>'[1]年齢別人口市区町村(総数)'!G161</f>
        <v>806</v>
      </c>
      <c r="P144" s="23">
        <f>'[1]年齢別人口市区町村(日本人)'!H161</f>
        <v>880</v>
      </c>
      <c r="Q144" s="23">
        <f>'[1]年齢別人口市区町村(外国人)'!H161</f>
        <v>8</v>
      </c>
      <c r="R144" s="24">
        <f>'[1]年齢別人口市区町村(総数)'!H161</f>
        <v>888</v>
      </c>
      <c r="S144" s="23">
        <f>'[1]年齢別人口市区町村(日本人)'!I161</f>
        <v>789</v>
      </c>
      <c r="T144" s="23">
        <f>'[1]年齢別人口市区町村(外国人)'!I161</f>
        <v>51</v>
      </c>
      <c r="U144" s="24">
        <f>'[1]年齢別人口市区町村(総数)'!I161</f>
        <v>840</v>
      </c>
      <c r="V144" s="23">
        <f>'[1]年齢別人口市区町村(日本人)'!J161</f>
        <v>673</v>
      </c>
      <c r="W144" s="23">
        <f>'[1]年齢別人口市区町村(外国人)'!J161</f>
        <v>90</v>
      </c>
      <c r="X144" s="24">
        <f>'[1]年齢別人口市区町村(総数)'!J161</f>
        <v>763</v>
      </c>
      <c r="Y144" s="23">
        <f>'[1]年齢別人口市区町村(日本人)'!K161</f>
        <v>672</v>
      </c>
      <c r="Z144" s="23">
        <f>'[1]年齢別人口市区町村(外国人)'!K161</f>
        <v>64</v>
      </c>
      <c r="AA144" s="24">
        <f>'[1]年齢別人口市区町村(総数)'!K161</f>
        <v>736</v>
      </c>
      <c r="AB144" s="23">
        <f>'[1]年齢別人口市区町村(日本人)'!L161</f>
        <v>777</v>
      </c>
      <c r="AC144" s="23">
        <f>'[1]年齢別人口市区町村(外国人)'!L161</f>
        <v>44</v>
      </c>
      <c r="AD144" s="24">
        <f>'[1]年齢別人口市区町村(総数)'!L161</f>
        <v>821</v>
      </c>
      <c r="AE144" s="23">
        <f>'[1]年齢別人口市区町村(日本人)'!M161</f>
        <v>1026</v>
      </c>
      <c r="AF144" s="23">
        <f>'[1]年齢別人口市区町村(外国人)'!M161</f>
        <v>21</v>
      </c>
      <c r="AG144" s="24">
        <f>'[1]年齢別人口市区町村(総数)'!M161</f>
        <v>1047</v>
      </c>
      <c r="AH144" s="23">
        <f>'[1]年齢別人口市区町村(日本人)'!N161</f>
        <v>1212</v>
      </c>
      <c r="AI144" s="23">
        <f>'[1]年齢別人口市区町村(外国人)'!N161</f>
        <v>41</v>
      </c>
      <c r="AJ144" s="24">
        <f>'[1]年齢別人口市区町村(総数)'!N161</f>
        <v>1253</v>
      </c>
      <c r="AK144" s="23">
        <f>'[1]年齢別人口市区町村(日本人)'!O161</f>
        <v>1581</v>
      </c>
      <c r="AL144" s="23">
        <f>'[1]年齢別人口市区町村(外国人)'!O161</f>
        <v>22</v>
      </c>
      <c r="AM144" s="24">
        <f>'[1]年齢別人口市区町村(総数)'!O161</f>
        <v>1603</v>
      </c>
      <c r="AN144" s="23">
        <f>'[1]年齢別人口市区町村(日本人)'!P161</f>
        <v>1471</v>
      </c>
      <c r="AO144" s="23">
        <f>'[1]年齢別人口市区町村(外国人)'!P161</f>
        <v>22</v>
      </c>
      <c r="AP144" s="24">
        <f>'[1]年齢別人口市区町村(総数)'!P161</f>
        <v>1493</v>
      </c>
      <c r="AQ144" s="23">
        <f>'[1]年齢別人口市区町村(日本人)'!Q161</f>
        <v>1377</v>
      </c>
      <c r="AR144" s="23">
        <f>'[1]年齢別人口市区町村(外国人)'!Q161</f>
        <v>16</v>
      </c>
      <c r="AS144" s="24">
        <f>'[1]年齢別人口市区町村(総数)'!Q161</f>
        <v>1393</v>
      </c>
      <c r="AT144" s="23">
        <f>'[1]年齢別人口市区町村(日本人)'!R161</f>
        <v>1193</v>
      </c>
      <c r="AU144" s="23">
        <f>'[1]年齢別人口市区町村(外国人)'!R161</f>
        <v>11</v>
      </c>
      <c r="AV144" s="24">
        <f>'[1]年齢別人口市区町村(総数)'!R161</f>
        <v>1204</v>
      </c>
      <c r="AW144" s="23">
        <f>'[1]年齢別人口市区町村(日本人)'!S161</f>
        <v>1437</v>
      </c>
      <c r="AX144" s="23">
        <f>'[1]年齢別人口市区町村(外国人)'!S161</f>
        <v>5</v>
      </c>
      <c r="AY144" s="24">
        <f>'[1]年齢別人口市区町村(総数)'!S161</f>
        <v>1442</v>
      </c>
      <c r="AZ144" s="23">
        <f>'[1]年齢別人口市区町村(日本人)'!T161</f>
        <v>1800</v>
      </c>
      <c r="BA144" s="23">
        <f>'[1]年齢別人口市区町村(外国人)'!T161</f>
        <v>3</v>
      </c>
      <c r="BB144" s="24">
        <f>'[1]年齢別人口市区町村(総数)'!T161</f>
        <v>1803</v>
      </c>
      <c r="BC144" s="23">
        <f>'[1]年齢別人口市区町村(日本人)'!U161</f>
        <v>1399</v>
      </c>
      <c r="BD144" s="23">
        <f>'[1]年齢別人口市区町村(外国人)'!U161</f>
        <v>1</v>
      </c>
      <c r="BE144" s="24">
        <f>'[1]年齢別人口市区町村(総数)'!U161</f>
        <v>1400</v>
      </c>
      <c r="BF144" s="23">
        <f>'[1]年齢別人口市区町村(日本人)'!V161</f>
        <v>1001</v>
      </c>
      <c r="BG144" s="23">
        <f>'[1]年齢別人口市区町村(外国人)'!V161</f>
        <v>1</v>
      </c>
      <c r="BH144" s="24">
        <f>'[1]年齢別人口市区町村(総数)'!V161</f>
        <v>1002</v>
      </c>
      <c r="BI144" s="23">
        <f>'[1]年齢別人口市区町村(日本人)'!W161</f>
        <v>538</v>
      </c>
      <c r="BJ144" s="23">
        <f>'[1]年齢別人口市区町村(外国人)'!W161</f>
        <v>0</v>
      </c>
      <c r="BK144" s="24">
        <f>'[1]年齢別人口市区町村(総数)'!W161</f>
        <v>538</v>
      </c>
      <c r="BL144" s="23">
        <f>'[1]年齢別人口市区町村(日本人)'!X161</f>
        <v>161</v>
      </c>
      <c r="BM144" s="23">
        <f>'[1]年齢別人口市区町村(外国人)'!X161</f>
        <v>0</v>
      </c>
      <c r="BN144" s="24">
        <f>'[1]年齢別人口市区町村(総数)'!X161</f>
        <v>161</v>
      </c>
      <c r="BO144" s="23">
        <f>'[1]年齢別人口市区町村(日本人)'!Y161</f>
        <v>25</v>
      </c>
      <c r="BP144" s="23">
        <f>'[1]年齢別人口市区町村(外国人)'!Y161</f>
        <v>0</v>
      </c>
      <c r="BQ144" s="61">
        <f>'[1]年齢別人口市区町村(総数)'!Y161</f>
        <v>25</v>
      </c>
    </row>
    <row r="145" spans="1:69" ht="15" thickBot="1" x14ac:dyDescent="0.2">
      <c r="A145" s="29"/>
      <c r="B145" s="25" t="s">
        <v>32</v>
      </c>
      <c r="C145" s="47"/>
      <c r="D145" s="26">
        <f>'[1]年齢別人口市区町村(日本人)'!D159</f>
        <v>38886</v>
      </c>
      <c r="E145" s="27">
        <f>'[1]年齢別人口市区町村(外国人)'!D159</f>
        <v>751</v>
      </c>
      <c r="F145" s="28">
        <f>'[1]年齢別人口市区町村(総数)'!D159</f>
        <v>39637</v>
      </c>
      <c r="G145" s="27">
        <f>'[1]年齢別人口市区町村(日本人)'!E159</f>
        <v>745</v>
      </c>
      <c r="H145" s="27">
        <f>'[1]年齢別人口市区町村(外国人)'!E159</f>
        <v>14</v>
      </c>
      <c r="I145" s="28">
        <f>'[1]年齢別人口市区町村(総数)'!E159</f>
        <v>759</v>
      </c>
      <c r="J145" s="27">
        <f>'[1]年齢別人口市区町村(日本人)'!F159</f>
        <v>1181</v>
      </c>
      <c r="K145" s="27">
        <f>'[1]年齢別人口市区町村(外国人)'!F159</f>
        <v>10</v>
      </c>
      <c r="L145" s="28">
        <f>'[1]年齢別人口市区町村(総数)'!F159</f>
        <v>1191</v>
      </c>
      <c r="M145" s="27">
        <f>'[1]年齢別人口市区町村(日本人)'!G159</f>
        <v>1635</v>
      </c>
      <c r="N145" s="27">
        <f>'[1]年齢別人口市区町村(外国人)'!G159</f>
        <v>15</v>
      </c>
      <c r="O145" s="28">
        <f>'[1]年齢別人口市区町村(総数)'!G159</f>
        <v>1650</v>
      </c>
      <c r="P145" s="27">
        <f>'[1]年齢別人口市区町村(日本人)'!H159</f>
        <v>1786</v>
      </c>
      <c r="Q145" s="27">
        <f>'[1]年齢別人口市区町村(外国人)'!H159</f>
        <v>18</v>
      </c>
      <c r="R145" s="28">
        <f>'[1]年齢別人口市区町村(総数)'!H159</f>
        <v>1804</v>
      </c>
      <c r="S145" s="27">
        <f>'[1]年齢別人口市区町村(日本人)'!I159</f>
        <v>1708</v>
      </c>
      <c r="T145" s="27">
        <f>'[1]年齢別人口市区町村(外国人)'!I159</f>
        <v>82</v>
      </c>
      <c r="U145" s="28">
        <f>'[1]年齢別人口市区町村(総数)'!I159</f>
        <v>1790</v>
      </c>
      <c r="V145" s="27">
        <f>'[1]年齢別人口市区町村(日本人)'!J159</f>
        <v>1548</v>
      </c>
      <c r="W145" s="27">
        <f>'[1]年齢別人口市区町村(外国人)'!J159</f>
        <v>143</v>
      </c>
      <c r="X145" s="28">
        <f>'[1]年齢別人口市区町村(総数)'!J159</f>
        <v>1691</v>
      </c>
      <c r="Y145" s="27">
        <f>'[1]年齢別人口市区町村(日本人)'!K159</f>
        <v>1393</v>
      </c>
      <c r="Z145" s="27">
        <f>'[1]年齢別人口市区町村(外国人)'!K159</f>
        <v>126</v>
      </c>
      <c r="AA145" s="28">
        <f>'[1]年齢別人口市区町村(総数)'!K159</f>
        <v>1519</v>
      </c>
      <c r="AB145" s="27">
        <f>'[1]年齢別人口市区町村(日本人)'!L159</f>
        <v>1605</v>
      </c>
      <c r="AC145" s="27">
        <f>'[1]年齢別人口市区町村(外国人)'!L159</f>
        <v>83</v>
      </c>
      <c r="AD145" s="28">
        <f>'[1]年齢別人口市区町村(総数)'!L159</f>
        <v>1688</v>
      </c>
      <c r="AE145" s="27">
        <f>'[1]年齢別人口市区町村(日本人)'!M159</f>
        <v>2100</v>
      </c>
      <c r="AF145" s="27">
        <f>'[1]年齢別人口市区町村(外国人)'!M159</f>
        <v>52</v>
      </c>
      <c r="AG145" s="28">
        <f>'[1]年齢別人口市区町村(総数)'!M159</f>
        <v>2152</v>
      </c>
      <c r="AH145" s="27">
        <f>'[1]年齢別人口市区町村(日本人)'!N159</f>
        <v>2513</v>
      </c>
      <c r="AI145" s="27">
        <f>'[1]年齢別人口市区町村(外国人)'!N159</f>
        <v>55</v>
      </c>
      <c r="AJ145" s="28">
        <f>'[1]年齢別人口市区町村(総数)'!N159</f>
        <v>2568</v>
      </c>
      <c r="AK145" s="27">
        <f>'[1]年齢別人口市区町村(日本人)'!O159</f>
        <v>3308</v>
      </c>
      <c r="AL145" s="27">
        <f>'[1]年齢別人口市区町村(外国人)'!O159</f>
        <v>39</v>
      </c>
      <c r="AM145" s="28">
        <f>'[1]年齢別人口市区町村(総数)'!O159</f>
        <v>3347</v>
      </c>
      <c r="AN145" s="27">
        <f>'[1]年齢別人口市区町村(日本人)'!P159</f>
        <v>3073</v>
      </c>
      <c r="AO145" s="27">
        <f>'[1]年齢別人口市区町村(外国人)'!P159</f>
        <v>42</v>
      </c>
      <c r="AP145" s="28">
        <f>'[1]年齢別人口市区町村(総数)'!P159</f>
        <v>3115</v>
      </c>
      <c r="AQ145" s="27">
        <f>'[1]年齢別人口市区町村(日本人)'!Q159</f>
        <v>2736</v>
      </c>
      <c r="AR145" s="27">
        <f>'[1]年齢別人口市区町村(外国人)'!Q159</f>
        <v>31</v>
      </c>
      <c r="AS145" s="28">
        <f>'[1]年齢別人口市区町村(総数)'!Q159</f>
        <v>2767</v>
      </c>
      <c r="AT145" s="27">
        <f>'[1]年齢別人口市区町村(日本人)'!R159</f>
        <v>2430</v>
      </c>
      <c r="AU145" s="27">
        <f>'[1]年齢別人口市区町村(外国人)'!R159</f>
        <v>17</v>
      </c>
      <c r="AV145" s="28">
        <f>'[1]年齢別人口市区町村(総数)'!R159</f>
        <v>2447</v>
      </c>
      <c r="AW145" s="27">
        <f>'[1]年齢別人口市区町村(日本人)'!S159</f>
        <v>2734</v>
      </c>
      <c r="AX145" s="27">
        <f>'[1]年齢別人口市区町村(外国人)'!S159</f>
        <v>13</v>
      </c>
      <c r="AY145" s="28">
        <f>'[1]年齢別人口市区町村(総数)'!S159</f>
        <v>2747</v>
      </c>
      <c r="AZ145" s="27">
        <f>'[1]年齢別人口市区町村(日本人)'!T159</f>
        <v>3240</v>
      </c>
      <c r="BA145" s="27">
        <f>'[1]年齢別人口市区町村(外国人)'!T159</f>
        <v>5</v>
      </c>
      <c r="BB145" s="28">
        <f>'[1]年齢別人口市区町村(総数)'!T159</f>
        <v>3245</v>
      </c>
      <c r="BC145" s="27">
        <f>'[1]年齢別人口市区町村(日本人)'!U159</f>
        <v>2473</v>
      </c>
      <c r="BD145" s="27">
        <f>'[1]年齢別人口市区町村(外国人)'!U159</f>
        <v>4</v>
      </c>
      <c r="BE145" s="28">
        <f>'[1]年齢別人口市区町村(総数)'!U159</f>
        <v>2477</v>
      </c>
      <c r="BF145" s="27">
        <f>'[1]年齢別人口市区町村(日本人)'!V159</f>
        <v>1633</v>
      </c>
      <c r="BG145" s="27">
        <f>'[1]年齢別人口市区町村(外国人)'!V159</f>
        <v>2</v>
      </c>
      <c r="BH145" s="28">
        <f>'[1]年齢別人口市区町村(総数)'!V159</f>
        <v>1635</v>
      </c>
      <c r="BI145" s="27">
        <f>'[1]年齢別人口市区町村(日本人)'!W159</f>
        <v>811</v>
      </c>
      <c r="BJ145" s="27">
        <f>'[1]年齢別人口市区町村(外国人)'!W159</f>
        <v>0</v>
      </c>
      <c r="BK145" s="28">
        <f>'[1]年齢別人口市区町村(総数)'!W159</f>
        <v>811</v>
      </c>
      <c r="BL145" s="27">
        <f>'[1]年齢別人口市区町村(日本人)'!X159</f>
        <v>204</v>
      </c>
      <c r="BM145" s="27">
        <f>'[1]年齢別人口市区町村(外国人)'!X159</f>
        <v>0</v>
      </c>
      <c r="BN145" s="28">
        <f>'[1]年齢別人口市区町村(総数)'!X159</f>
        <v>204</v>
      </c>
      <c r="BO145" s="27">
        <f>'[1]年齢別人口市区町村(日本人)'!Y159</f>
        <v>30</v>
      </c>
      <c r="BP145" s="27">
        <f>'[1]年齢別人口市区町村(外国人)'!Y159</f>
        <v>0</v>
      </c>
      <c r="BQ145" s="62">
        <f>'[1]年齢別人口市区町村(総数)'!Y159</f>
        <v>30</v>
      </c>
    </row>
    <row r="146" spans="1:69" x14ac:dyDescent="0.15">
      <c r="A146" s="20"/>
      <c r="B146" s="17" t="s">
        <v>29</v>
      </c>
      <c r="C146" s="45">
        <v>142182</v>
      </c>
      <c r="D146" s="18">
        <f>'[1]年齢別人口市区町村(日本人)'!D163</f>
        <v>39573</v>
      </c>
      <c r="E146" s="19">
        <f>'[1]年齢別人口市区町村(外国人)'!D163</f>
        <v>3341</v>
      </c>
      <c r="F146" s="19">
        <f>'[1]年齢別人口市区町村(総数)'!D163</f>
        <v>42914</v>
      </c>
      <c r="G146" s="19">
        <f>'[1]年齢別人口市区町村(日本人)'!E163</f>
        <v>1212</v>
      </c>
      <c r="H146" s="19">
        <f>'[1]年齢別人口市区町村(外国人)'!E163</f>
        <v>107</v>
      </c>
      <c r="I146" s="19">
        <f>'[1]年齢別人口市区町村(総数)'!E163</f>
        <v>1319</v>
      </c>
      <c r="J146" s="19">
        <f>'[1]年齢別人口市区町村(日本人)'!F163</f>
        <v>1549</v>
      </c>
      <c r="K146" s="19">
        <f>'[1]年齢別人口市区町村(外国人)'!F163</f>
        <v>125</v>
      </c>
      <c r="L146" s="19">
        <f>'[1]年齢別人口市区町村(総数)'!F163</f>
        <v>1674</v>
      </c>
      <c r="M146" s="19">
        <f>'[1]年齢別人口市区町村(日本人)'!G163</f>
        <v>1838</v>
      </c>
      <c r="N146" s="19">
        <f>'[1]年齢別人口市区町村(外国人)'!G163</f>
        <v>126</v>
      </c>
      <c r="O146" s="19">
        <f>'[1]年齢別人口市区町村(総数)'!G163</f>
        <v>1964</v>
      </c>
      <c r="P146" s="19">
        <f>'[1]年齢別人口市区町村(日本人)'!H163</f>
        <v>2021</v>
      </c>
      <c r="Q146" s="19">
        <f>'[1]年齢別人口市区町村(外国人)'!H163</f>
        <v>122</v>
      </c>
      <c r="R146" s="19">
        <f>'[1]年齢別人口市区町村(総数)'!H163</f>
        <v>2143</v>
      </c>
      <c r="S146" s="19">
        <f>'[1]年齢別人口市区町村(日本人)'!I163</f>
        <v>1892</v>
      </c>
      <c r="T146" s="19">
        <f>'[1]年齢別人口市区町村(外国人)'!I163</f>
        <v>410</v>
      </c>
      <c r="U146" s="19">
        <f>'[1]年齢別人口市区町村(総数)'!I163</f>
        <v>2302</v>
      </c>
      <c r="V146" s="19">
        <f>'[1]年齢別人口市区町村(日本人)'!J163</f>
        <v>1948</v>
      </c>
      <c r="W146" s="19">
        <f>'[1]年齢別人口市区町村(外国人)'!J163</f>
        <v>516</v>
      </c>
      <c r="X146" s="19">
        <f>'[1]年齢別人口市区町村(総数)'!J163</f>
        <v>2464</v>
      </c>
      <c r="Y146" s="19">
        <f>'[1]年齢別人口市区町村(日本人)'!K163</f>
        <v>2025</v>
      </c>
      <c r="Z146" s="19">
        <f>'[1]年齢別人口市区町村(外国人)'!K163</f>
        <v>439</v>
      </c>
      <c r="AA146" s="19">
        <f>'[1]年齢別人口市区町村(総数)'!K163</f>
        <v>2464</v>
      </c>
      <c r="AB146" s="19">
        <f>'[1]年齢別人口市区町村(日本人)'!L163</f>
        <v>2210</v>
      </c>
      <c r="AC146" s="19">
        <f>'[1]年齢別人口市区町村(外国人)'!L163</f>
        <v>376</v>
      </c>
      <c r="AD146" s="19">
        <f>'[1]年齢別人口市区町村(総数)'!L163</f>
        <v>2586</v>
      </c>
      <c r="AE146" s="19">
        <f>'[1]年齢別人口市区町村(日本人)'!M163</f>
        <v>2426</v>
      </c>
      <c r="AF146" s="19">
        <f>'[1]年齢別人口市区町村(外国人)'!M163</f>
        <v>301</v>
      </c>
      <c r="AG146" s="19">
        <f>'[1]年齢別人口市区町村(総数)'!M163</f>
        <v>2727</v>
      </c>
      <c r="AH146" s="19">
        <f>'[1]年齢別人口市区町村(日本人)'!N163</f>
        <v>3038</v>
      </c>
      <c r="AI146" s="19">
        <f>'[1]年齢別人口市区町村(外国人)'!N163</f>
        <v>248</v>
      </c>
      <c r="AJ146" s="19">
        <f>'[1]年齢別人口市区町村(総数)'!N163</f>
        <v>3286</v>
      </c>
      <c r="AK146" s="19">
        <f>'[1]年齢別人口市区町村(日本人)'!O163</f>
        <v>3806</v>
      </c>
      <c r="AL146" s="19">
        <f>'[1]年齢別人口市区町村(外国人)'!O163</f>
        <v>178</v>
      </c>
      <c r="AM146" s="19">
        <f>'[1]年齢別人口市区町村(総数)'!O163</f>
        <v>3984</v>
      </c>
      <c r="AN146" s="19">
        <f>'[1]年齢別人口市区町村(日本人)'!P163</f>
        <v>3279</v>
      </c>
      <c r="AO146" s="19">
        <f>'[1]年齢別人口市区町村(外国人)'!P163</f>
        <v>140</v>
      </c>
      <c r="AP146" s="19">
        <f>'[1]年齢別人口市区町村(総数)'!P163</f>
        <v>3419</v>
      </c>
      <c r="AQ146" s="19">
        <f>'[1]年齢別人口市区町村(日本人)'!Q163</f>
        <v>2389</v>
      </c>
      <c r="AR146" s="19">
        <f>'[1]年齢別人口市区町村(外国人)'!Q163</f>
        <v>108</v>
      </c>
      <c r="AS146" s="19">
        <f>'[1]年齢別人口市区町村(総数)'!Q163</f>
        <v>2497</v>
      </c>
      <c r="AT146" s="19">
        <f>'[1]年齢別人口市区町村(日本人)'!R163</f>
        <v>1798</v>
      </c>
      <c r="AU146" s="19">
        <f>'[1]年齢別人口市区町村(外国人)'!R163</f>
        <v>72</v>
      </c>
      <c r="AV146" s="19">
        <f>'[1]年齢別人口市区町村(総数)'!R163</f>
        <v>1870</v>
      </c>
      <c r="AW146" s="19">
        <f>'[1]年齢別人口市区町村(日本人)'!S163</f>
        <v>2016</v>
      </c>
      <c r="AX146" s="19">
        <f>'[1]年齢別人口市区町村(外国人)'!S163</f>
        <v>38</v>
      </c>
      <c r="AY146" s="19">
        <f>'[1]年齢別人口市区町村(総数)'!S163</f>
        <v>2054</v>
      </c>
      <c r="AZ146" s="19">
        <f>'[1]年齢別人口市区町村(日本人)'!T163</f>
        <v>2564</v>
      </c>
      <c r="BA146" s="19">
        <f>'[1]年齢別人口市区町村(外国人)'!T163</f>
        <v>22</v>
      </c>
      <c r="BB146" s="19">
        <f>'[1]年齢別人口市区町村(総数)'!T163</f>
        <v>2586</v>
      </c>
      <c r="BC146" s="19">
        <f>'[1]年齢別人口市区町村(日本人)'!U163</f>
        <v>2014</v>
      </c>
      <c r="BD146" s="19">
        <f>'[1]年齢別人口市区町村(外国人)'!U163</f>
        <v>8</v>
      </c>
      <c r="BE146" s="19">
        <f>'[1]年齢別人口市区町村(総数)'!U163</f>
        <v>2022</v>
      </c>
      <c r="BF146" s="19">
        <f>'[1]年齢別人口市区町村(日本人)'!V163</f>
        <v>1157</v>
      </c>
      <c r="BG146" s="19">
        <f>'[1]年齢別人口市区町村(外国人)'!V163</f>
        <v>4</v>
      </c>
      <c r="BH146" s="19">
        <f>'[1]年齢別人口市区町村(総数)'!V163</f>
        <v>1161</v>
      </c>
      <c r="BI146" s="19">
        <f>'[1]年齢別人口市区町村(日本人)'!W163</f>
        <v>350</v>
      </c>
      <c r="BJ146" s="19">
        <f>'[1]年齢別人口市区町村(外国人)'!W163</f>
        <v>0</v>
      </c>
      <c r="BK146" s="19">
        <f>'[1]年齢別人口市区町村(総数)'!W163</f>
        <v>350</v>
      </c>
      <c r="BL146" s="19">
        <f>'[1]年齢別人口市区町村(日本人)'!X163</f>
        <v>38</v>
      </c>
      <c r="BM146" s="19">
        <f>'[1]年齢別人口市区町村(外国人)'!X163</f>
        <v>1</v>
      </c>
      <c r="BN146" s="19">
        <f>'[1]年齢別人口市区町村(総数)'!X163</f>
        <v>39</v>
      </c>
      <c r="BO146" s="19">
        <f>'[1]年齢別人口市区町村(日本人)'!Y163</f>
        <v>3</v>
      </c>
      <c r="BP146" s="19">
        <f>'[1]年齢別人口市区町村(外国人)'!Y163</f>
        <v>0</v>
      </c>
      <c r="BQ146" s="60">
        <f>'[1]年齢別人口市区町村(総数)'!Y163</f>
        <v>3</v>
      </c>
    </row>
    <row r="147" spans="1:69" x14ac:dyDescent="0.15">
      <c r="A147" s="20" t="s">
        <v>77</v>
      </c>
      <c r="B147" s="21" t="s">
        <v>31</v>
      </c>
      <c r="C147" s="46"/>
      <c r="D147" s="22">
        <f>'[1]年齢別人口市区町村(日本人)'!D164</f>
        <v>38734</v>
      </c>
      <c r="E147" s="23">
        <f>'[1]年齢別人口市区町村(外国人)'!D164</f>
        <v>2223</v>
      </c>
      <c r="F147" s="24">
        <f>'[1]年齢別人口市区町村(総数)'!D164</f>
        <v>40957</v>
      </c>
      <c r="G147" s="23">
        <f>'[1]年齢別人口市区町村(日本人)'!E164</f>
        <v>1215</v>
      </c>
      <c r="H147" s="23">
        <f>'[1]年齢別人口市区町村(外国人)'!E164</f>
        <v>104</v>
      </c>
      <c r="I147" s="24">
        <f>'[1]年齢別人口市区町村(総数)'!E164</f>
        <v>1319</v>
      </c>
      <c r="J147" s="23">
        <f>'[1]年齢別人口市区町村(日本人)'!F164</f>
        <v>1402</v>
      </c>
      <c r="K147" s="23">
        <f>'[1]年齢別人口市区町村(外国人)'!F164</f>
        <v>104</v>
      </c>
      <c r="L147" s="24">
        <f>'[1]年齢別人口市区町村(総数)'!F164</f>
        <v>1506</v>
      </c>
      <c r="M147" s="23">
        <f>'[1]年齢別人口市区町村(日本人)'!G164</f>
        <v>1798</v>
      </c>
      <c r="N147" s="23">
        <f>'[1]年齢別人口市区町村(外国人)'!G164</f>
        <v>138</v>
      </c>
      <c r="O147" s="24">
        <f>'[1]年齢別人口市区町村(総数)'!G164</f>
        <v>1936</v>
      </c>
      <c r="P147" s="23">
        <f>'[1]年齢別人口市区町村(日本人)'!H164</f>
        <v>1956</v>
      </c>
      <c r="Q147" s="23">
        <f>'[1]年齢別人口市区町村(外国人)'!H164</f>
        <v>111</v>
      </c>
      <c r="R147" s="24">
        <f>'[1]年齢別人口市区町村(総数)'!H164</f>
        <v>2067</v>
      </c>
      <c r="S147" s="23">
        <f>'[1]年齢別人口市区町村(日本人)'!I164</f>
        <v>1893</v>
      </c>
      <c r="T147" s="23">
        <f>'[1]年齢別人口市区町村(外国人)'!I164</f>
        <v>171</v>
      </c>
      <c r="U147" s="24">
        <f>'[1]年齢別人口市区町村(総数)'!I164</f>
        <v>2064</v>
      </c>
      <c r="V147" s="23">
        <f>'[1]年齢別人口市区町村(日本人)'!J164</f>
        <v>1708</v>
      </c>
      <c r="W147" s="23">
        <f>'[1]年齢別人口市区町村(外国人)'!J164</f>
        <v>212</v>
      </c>
      <c r="X147" s="24">
        <f>'[1]年齢別人口市区町村(総数)'!J164</f>
        <v>1920</v>
      </c>
      <c r="Y147" s="23">
        <f>'[1]年齢別人口市区町村(日本人)'!K164</f>
        <v>1756</v>
      </c>
      <c r="Z147" s="23">
        <f>'[1]年齢別人口市区町村(外国人)'!K164</f>
        <v>221</v>
      </c>
      <c r="AA147" s="24">
        <f>'[1]年齢別人口市区町村(総数)'!K164</f>
        <v>1977</v>
      </c>
      <c r="AB147" s="23">
        <f>'[1]年齢別人口市区町村(日本人)'!L164</f>
        <v>1859</v>
      </c>
      <c r="AC147" s="23">
        <f>'[1]年齢別人口市区町村(外国人)'!L164</f>
        <v>221</v>
      </c>
      <c r="AD147" s="24">
        <f>'[1]年齢別人口市区町村(総数)'!L164</f>
        <v>2080</v>
      </c>
      <c r="AE147" s="23">
        <f>'[1]年齢別人口市区町村(日本人)'!M164</f>
        <v>2143</v>
      </c>
      <c r="AF147" s="23">
        <f>'[1]年齢別人口市区町村(外国人)'!M164</f>
        <v>201</v>
      </c>
      <c r="AG147" s="24">
        <f>'[1]年齢別人口市区町村(総数)'!M164</f>
        <v>2344</v>
      </c>
      <c r="AH147" s="23">
        <f>'[1]年齢別人口市区町村(日本人)'!N164</f>
        <v>2565</v>
      </c>
      <c r="AI147" s="23">
        <f>'[1]年齢別人口市区町村(外国人)'!N164</f>
        <v>185</v>
      </c>
      <c r="AJ147" s="24">
        <f>'[1]年齢別人口市区町村(総数)'!N164</f>
        <v>2750</v>
      </c>
      <c r="AK147" s="23">
        <f>'[1]年齢別人口市区町村(日本人)'!O164</f>
        <v>3350</v>
      </c>
      <c r="AL147" s="23">
        <f>'[1]年齢別人口市区町村(外国人)'!O164</f>
        <v>160</v>
      </c>
      <c r="AM147" s="24">
        <f>'[1]年齢別人口市区町村(総数)'!O164</f>
        <v>3510</v>
      </c>
      <c r="AN147" s="23">
        <f>'[1]年齢別人口市区町村(日本人)'!P164</f>
        <v>2751</v>
      </c>
      <c r="AO147" s="23">
        <f>'[1]年齢別人口市区町村(外国人)'!P164</f>
        <v>154</v>
      </c>
      <c r="AP147" s="24">
        <f>'[1]年齢別人口市区町村(総数)'!P164</f>
        <v>2905</v>
      </c>
      <c r="AQ147" s="23">
        <f>'[1]年齢別人口市区町村(日本人)'!Q164</f>
        <v>1989</v>
      </c>
      <c r="AR147" s="23">
        <f>'[1]年齢別人口市区町村(外国人)'!Q164</f>
        <v>112</v>
      </c>
      <c r="AS147" s="24">
        <f>'[1]年齢別人口市区町村(総数)'!Q164</f>
        <v>2101</v>
      </c>
      <c r="AT147" s="23">
        <f>'[1]年齢別人口市区町村(日本人)'!R164</f>
        <v>1816</v>
      </c>
      <c r="AU147" s="23">
        <f>'[1]年齢別人口市区町村(外国人)'!R164</f>
        <v>64</v>
      </c>
      <c r="AV147" s="24">
        <f>'[1]年齢別人口市区町村(総数)'!R164</f>
        <v>1880</v>
      </c>
      <c r="AW147" s="23">
        <f>'[1]年齢別人口市区町村(日本人)'!S164</f>
        <v>2267</v>
      </c>
      <c r="AX147" s="23">
        <f>'[1]年齢別人口市区町村(外国人)'!S164</f>
        <v>30</v>
      </c>
      <c r="AY147" s="24">
        <f>'[1]年齢別人口市区町村(総数)'!S164</f>
        <v>2297</v>
      </c>
      <c r="AZ147" s="23">
        <f>'[1]年齢別人口市区町村(日本人)'!T164</f>
        <v>3222</v>
      </c>
      <c r="BA147" s="23">
        <f>'[1]年齢別人口市区町村(外国人)'!T164</f>
        <v>17</v>
      </c>
      <c r="BB147" s="24">
        <f>'[1]年齢別人口市区町村(総数)'!T164</f>
        <v>3239</v>
      </c>
      <c r="BC147" s="23">
        <f>'[1]年齢別人口市区町村(日本人)'!U164</f>
        <v>2649</v>
      </c>
      <c r="BD147" s="23">
        <f>'[1]年齢別人口市区町村(外国人)'!U164</f>
        <v>8</v>
      </c>
      <c r="BE147" s="24">
        <f>'[1]年齢別人口市区町村(総数)'!U164</f>
        <v>2657</v>
      </c>
      <c r="BF147" s="23">
        <f>'[1]年齢別人口市区町村(日本人)'!V164</f>
        <v>1506</v>
      </c>
      <c r="BG147" s="23">
        <f>'[1]年齢別人口市区町村(外国人)'!V164</f>
        <v>7</v>
      </c>
      <c r="BH147" s="24">
        <f>'[1]年齢別人口市区町村(総数)'!V164</f>
        <v>1513</v>
      </c>
      <c r="BI147" s="23">
        <f>'[1]年齢別人口市区町村(日本人)'!W164</f>
        <v>664</v>
      </c>
      <c r="BJ147" s="23">
        <f>'[1]年齢別人口市区町村(外国人)'!W164</f>
        <v>3</v>
      </c>
      <c r="BK147" s="24">
        <f>'[1]年齢別人口市区町村(総数)'!W164</f>
        <v>667</v>
      </c>
      <c r="BL147" s="23">
        <f>'[1]年齢別人口市区町村(日本人)'!X164</f>
        <v>194</v>
      </c>
      <c r="BM147" s="23">
        <f>'[1]年齢別人口市区町村(外国人)'!X164</f>
        <v>0</v>
      </c>
      <c r="BN147" s="24">
        <f>'[1]年齢別人口市区町村(総数)'!X164</f>
        <v>194</v>
      </c>
      <c r="BO147" s="23">
        <f>'[1]年齢別人口市区町村(日本人)'!Y164</f>
        <v>31</v>
      </c>
      <c r="BP147" s="23">
        <f>'[1]年齢別人口市区町村(外国人)'!Y164</f>
        <v>0</v>
      </c>
      <c r="BQ147" s="61">
        <f>'[1]年齢別人口市区町村(総数)'!Y164</f>
        <v>31</v>
      </c>
    </row>
    <row r="148" spans="1:69" ht="15" thickBot="1" x14ac:dyDescent="0.2">
      <c r="A148" s="29"/>
      <c r="B148" s="25" t="s">
        <v>32</v>
      </c>
      <c r="C148" s="47"/>
      <c r="D148" s="26">
        <f>'[1]年齢別人口市区町村(日本人)'!D162</f>
        <v>78307</v>
      </c>
      <c r="E148" s="27">
        <f>'[1]年齢別人口市区町村(外国人)'!D162</f>
        <v>5564</v>
      </c>
      <c r="F148" s="28">
        <f>'[1]年齢別人口市区町村(総数)'!D162</f>
        <v>83871</v>
      </c>
      <c r="G148" s="27">
        <f>'[1]年齢別人口市区町村(日本人)'!E162</f>
        <v>2427</v>
      </c>
      <c r="H148" s="27">
        <f>'[1]年齢別人口市区町村(外国人)'!E162</f>
        <v>211</v>
      </c>
      <c r="I148" s="28">
        <f>'[1]年齢別人口市区町村(総数)'!E162</f>
        <v>2638</v>
      </c>
      <c r="J148" s="27">
        <f>'[1]年齢別人口市区町村(日本人)'!F162</f>
        <v>2951</v>
      </c>
      <c r="K148" s="27">
        <f>'[1]年齢別人口市区町村(外国人)'!F162</f>
        <v>229</v>
      </c>
      <c r="L148" s="28">
        <f>'[1]年齢別人口市区町村(総数)'!F162</f>
        <v>3180</v>
      </c>
      <c r="M148" s="27">
        <f>'[1]年齢別人口市区町村(日本人)'!G162</f>
        <v>3636</v>
      </c>
      <c r="N148" s="27">
        <f>'[1]年齢別人口市区町村(外国人)'!G162</f>
        <v>264</v>
      </c>
      <c r="O148" s="28">
        <f>'[1]年齢別人口市区町村(総数)'!G162</f>
        <v>3900</v>
      </c>
      <c r="P148" s="27">
        <f>'[1]年齢別人口市区町村(日本人)'!H162</f>
        <v>3977</v>
      </c>
      <c r="Q148" s="27">
        <f>'[1]年齢別人口市区町村(外国人)'!H162</f>
        <v>233</v>
      </c>
      <c r="R148" s="28">
        <f>'[1]年齢別人口市区町村(総数)'!H162</f>
        <v>4210</v>
      </c>
      <c r="S148" s="27">
        <f>'[1]年齢別人口市区町村(日本人)'!I162</f>
        <v>3785</v>
      </c>
      <c r="T148" s="27">
        <f>'[1]年齢別人口市区町村(外国人)'!I162</f>
        <v>581</v>
      </c>
      <c r="U148" s="28">
        <f>'[1]年齢別人口市区町村(総数)'!I162</f>
        <v>4366</v>
      </c>
      <c r="V148" s="27">
        <f>'[1]年齢別人口市区町村(日本人)'!J162</f>
        <v>3656</v>
      </c>
      <c r="W148" s="27">
        <f>'[1]年齢別人口市区町村(外国人)'!J162</f>
        <v>728</v>
      </c>
      <c r="X148" s="28">
        <f>'[1]年齢別人口市区町村(総数)'!J162</f>
        <v>4384</v>
      </c>
      <c r="Y148" s="27">
        <f>'[1]年齢別人口市区町村(日本人)'!K162</f>
        <v>3781</v>
      </c>
      <c r="Z148" s="27">
        <f>'[1]年齢別人口市区町村(外国人)'!K162</f>
        <v>660</v>
      </c>
      <c r="AA148" s="28">
        <f>'[1]年齢別人口市区町村(総数)'!K162</f>
        <v>4441</v>
      </c>
      <c r="AB148" s="27">
        <f>'[1]年齢別人口市区町村(日本人)'!L162</f>
        <v>4069</v>
      </c>
      <c r="AC148" s="27">
        <f>'[1]年齢別人口市区町村(外国人)'!L162</f>
        <v>597</v>
      </c>
      <c r="AD148" s="28">
        <f>'[1]年齢別人口市区町村(総数)'!L162</f>
        <v>4666</v>
      </c>
      <c r="AE148" s="27">
        <f>'[1]年齢別人口市区町村(日本人)'!M162</f>
        <v>4569</v>
      </c>
      <c r="AF148" s="27">
        <f>'[1]年齢別人口市区町村(外国人)'!M162</f>
        <v>502</v>
      </c>
      <c r="AG148" s="28">
        <f>'[1]年齢別人口市区町村(総数)'!M162</f>
        <v>5071</v>
      </c>
      <c r="AH148" s="27">
        <f>'[1]年齢別人口市区町村(日本人)'!N162</f>
        <v>5603</v>
      </c>
      <c r="AI148" s="27">
        <f>'[1]年齢別人口市区町村(外国人)'!N162</f>
        <v>433</v>
      </c>
      <c r="AJ148" s="28">
        <f>'[1]年齢別人口市区町村(総数)'!N162</f>
        <v>6036</v>
      </c>
      <c r="AK148" s="27">
        <f>'[1]年齢別人口市区町村(日本人)'!O162</f>
        <v>7156</v>
      </c>
      <c r="AL148" s="27">
        <f>'[1]年齢別人口市区町村(外国人)'!O162</f>
        <v>338</v>
      </c>
      <c r="AM148" s="28">
        <f>'[1]年齢別人口市区町村(総数)'!O162</f>
        <v>7494</v>
      </c>
      <c r="AN148" s="27">
        <f>'[1]年齢別人口市区町村(日本人)'!P162</f>
        <v>6030</v>
      </c>
      <c r="AO148" s="27">
        <f>'[1]年齢別人口市区町村(外国人)'!P162</f>
        <v>294</v>
      </c>
      <c r="AP148" s="28">
        <f>'[1]年齢別人口市区町村(総数)'!P162</f>
        <v>6324</v>
      </c>
      <c r="AQ148" s="27">
        <f>'[1]年齢別人口市区町村(日本人)'!Q162</f>
        <v>4378</v>
      </c>
      <c r="AR148" s="27">
        <f>'[1]年齢別人口市区町村(外国人)'!Q162</f>
        <v>220</v>
      </c>
      <c r="AS148" s="28">
        <f>'[1]年齢別人口市区町村(総数)'!Q162</f>
        <v>4598</v>
      </c>
      <c r="AT148" s="27">
        <f>'[1]年齢別人口市区町村(日本人)'!R162</f>
        <v>3614</v>
      </c>
      <c r="AU148" s="27">
        <f>'[1]年齢別人口市区町村(外国人)'!R162</f>
        <v>136</v>
      </c>
      <c r="AV148" s="28">
        <f>'[1]年齢別人口市区町村(総数)'!R162</f>
        <v>3750</v>
      </c>
      <c r="AW148" s="27">
        <f>'[1]年齢別人口市区町村(日本人)'!S162</f>
        <v>4283</v>
      </c>
      <c r="AX148" s="27">
        <f>'[1]年齢別人口市区町村(外国人)'!S162</f>
        <v>68</v>
      </c>
      <c r="AY148" s="28">
        <f>'[1]年齢別人口市区町村(総数)'!S162</f>
        <v>4351</v>
      </c>
      <c r="AZ148" s="27">
        <f>'[1]年齢別人口市区町村(日本人)'!T162</f>
        <v>5786</v>
      </c>
      <c r="BA148" s="27">
        <f>'[1]年齢別人口市区町村(外国人)'!T162</f>
        <v>39</v>
      </c>
      <c r="BB148" s="28">
        <f>'[1]年齢別人口市区町村(総数)'!T162</f>
        <v>5825</v>
      </c>
      <c r="BC148" s="27">
        <f>'[1]年齢別人口市区町村(日本人)'!U162</f>
        <v>4663</v>
      </c>
      <c r="BD148" s="27">
        <f>'[1]年齢別人口市区町村(外国人)'!U162</f>
        <v>16</v>
      </c>
      <c r="BE148" s="28">
        <f>'[1]年齢別人口市区町村(総数)'!U162</f>
        <v>4679</v>
      </c>
      <c r="BF148" s="27">
        <f>'[1]年齢別人口市区町村(日本人)'!V162</f>
        <v>2663</v>
      </c>
      <c r="BG148" s="27">
        <f>'[1]年齢別人口市区町村(外国人)'!V162</f>
        <v>11</v>
      </c>
      <c r="BH148" s="28">
        <f>'[1]年齢別人口市区町村(総数)'!V162</f>
        <v>2674</v>
      </c>
      <c r="BI148" s="27">
        <f>'[1]年齢別人口市区町村(日本人)'!W162</f>
        <v>1014</v>
      </c>
      <c r="BJ148" s="27">
        <f>'[1]年齢別人口市区町村(外国人)'!W162</f>
        <v>3</v>
      </c>
      <c r="BK148" s="28">
        <f>'[1]年齢別人口市区町村(総数)'!W162</f>
        <v>1017</v>
      </c>
      <c r="BL148" s="27">
        <f>'[1]年齢別人口市区町村(日本人)'!X162</f>
        <v>232</v>
      </c>
      <c r="BM148" s="27">
        <f>'[1]年齢別人口市区町村(外国人)'!X162</f>
        <v>1</v>
      </c>
      <c r="BN148" s="28">
        <f>'[1]年齢別人口市区町村(総数)'!X162</f>
        <v>233</v>
      </c>
      <c r="BO148" s="27">
        <f>'[1]年齢別人口市区町村(日本人)'!Y162</f>
        <v>34</v>
      </c>
      <c r="BP148" s="27">
        <f>'[1]年齢別人口市区町村(外国人)'!Y162</f>
        <v>0</v>
      </c>
      <c r="BQ148" s="62">
        <f>'[1]年齢別人口市区町村(総数)'!Y162</f>
        <v>34</v>
      </c>
    </row>
    <row r="149" spans="1:69" x14ac:dyDescent="0.15">
      <c r="A149" s="20"/>
      <c r="B149" s="17" t="s">
        <v>29</v>
      </c>
      <c r="C149" s="45">
        <v>143014</v>
      </c>
      <c r="D149" s="18">
        <f>'[1]年齢別人口市区町村(日本人)'!D170</f>
        <v>14608</v>
      </c>
      <c r="E149" s="19">
        <f>'[1]年齢別人口市区町村(外国人)'!D170</f>
        <v>213</v>
      </c>
      <c r="F149" s="19">
        <f>'[1]年齢別人口市区町村(総数)'!D170</f>
        <v>14821</v>
      </c>
      <c r="G149" s="19">
        <f>'[1]年齢別人口市区町村(日本人)'!E170</f>
        <v>376</v>
      </c>
      <c r="H149" s="19">
        <f>'[1]年齢別人口市区町村(外国人)'!E170</f>
        <v>2</v>
      </c>
      <c r="I149" s="19">
        <f>'[1]年齢別人口市区町村(総数)'!E170</f>
        <v>378</v>
      </c>
      <c r="J149" s="19">
        <f>'[1]年齢別人口市区町村(日本人)'!F170</f>
        <v>658</v>
      </c>
      <c r="K149" s="19">
        <f>'[1]年齢別人口市区町村(外国人)'!F170</f>
        <v>3</v>
      </c>
      <c r="L149" s="19">
        <f>'[1]年齢別人口市区町村(総数)'!F170</f>
        <v>661</v>
      </c>
      <c r="M149" s="19">
        <f>'[1]年齢別人口市区町村(日本人)'!G170</f>
        <v>848</v>
      </c>
      <c r="N149" s="19">
        <f>'[1]年齢別人口市区町村(外国人)'!G170</f>
        <v>2</v>
      </c>
      <c r="O149" s="19">
        <f>'[1]年齢別人口市区町村(総数)'!G170</f>
        <v>850</v>
      </c>
      <c r="P149" s="19">
        <f>'[1]年齢別人口市区町村(日本人)'!H170</f>
        <v>835</v>
      </c>
      <c r="Q149" s="19">
        <f>'[1]年齢別人口市区町村(外国人)'!H170</f>
        <v>4</v>
      </c>
      <c r="R149" s="19">
        <f>'[1]年齢別人口市区町村(総数)'!H170</f>
        <v>839</v>
      </c>
      <c r="S149" s="19">
        <f>'[1]年齢別人口市区町村(日本人)'!I170</f>
        <v>643</v>
      </c>
      <c r="T149" s="19">
        <f>'[1]年齢別人口市区町村(外国人)'!I170</f>
        <v>8</v>
      </c>
      <c r="U149" s="19">
        <f>'[1]年齢別人口市区町村(総数)'!I170</f>
        <v>651</v>
      </c>
      <c r="V149" s="19">
        <f>'[1]年齢別人口市区町村(日本人)'!J170</f>
        <v>354</v>
      </c>
      <c r="W149" s="19">
        <f>'[1]年齢別人口市区町村(外国人)'!J170</f>
        <v>13</v>
      </c>
      <c r="X149" s="19">
        <f>'[1]年齢別人口市区町村(総数)'!J170</f>
        <v>367</v>
      </c>
      <c r="Y149" s="19">
        <f>'[1]年齢別人口市区町村(日本人)'!K170</f>
        <v>342</v>
      </c>
      <c r="Z149" s="19">
        <f>'[1]年齢別人口市区町村(外国人)'!K170</f>
        <v>5</v>
      </c>
      <c r="AA149" s="19">
        <f>'[1]年齢別人口市区町村(総数)'!K170</f>
        <v>347</v>
      </c>
      <c r="AB149" s="19">
        <f>'[1]年齢別人口市区町村(日本人)'!L170</f>
        <v>477</v>
      </c>
      <c r="AC149" s="19">
        <f>'[1]年齢別人口市区町村(外国人)'!L170</f>
        <v>20</v>
      </c>
      <c r="AD149" s="19">
        <f>'[1]年齢別人口市区町村(総数)'!L170</f>
        <v>497</v>
      </c>
      <c r="AE149" s="19">
        <f>'[1]年齢別人口市区町村(日本人)'!M170</f>
        <v>756</v>
      </c>
      <c r="AF149" s="19">
        <f>'[1]年齢別人口市区町村(外国人)'!M170</f>
        <v>30</v>
      </c>
      <c r="AG149" s="19">
        <f>'[1]年齢別人口市区町村(総数)'!M170</f>
        <v>786</v>
      </c>
      <c r="AH149" s="19">
        <f>'[1]年齢別人口市区町村(日本人)'!N170</f>
        <v>1109</v>
      </c>
      <c r="AI149" s="19">
        <f>'[1]年齢別人口市区町村(外国人)'!N170</f>
        <v>25</v>
      </c>
      <c r="AJ149" s="19">
        <f>'[1]年齢別人口市区町村(総数)'!N170</f>
        <v>1134</v>
      </c>
      <c r="AK149" s="19">
        <f>'[1]年齢別人口市区町村(日本人)'!O170</f>
        <v>1455</v>
      </c>
      <c r="AL149" s="19">
        <f>'[1]年齢別人口市区町村(外国人)'!O170</f>
        <v>27</v>
      </c>
      <c r="AM149" s="19">
        <f>'[1]年齢別人口市区町村(総数)'!O170</f>
        <v>1482</v>
      </c>
      <c r="AN149" s="19">
        <f>'[1]年齢別人口市区町村(日本人)'!P170</f>
        <v>1332</v>
      </c>
      <c r="AO149" s="19">
        <f>'[1]年齢別人口市区町村(外国人)'!P170</f>
        <v>24</v>
      </c>
      <c r="AP149" s="19">
        <f>'[1]年齢別人口市区町村(総数)'!P170</f>
        <v>1356</v>
      </c>
      <c r="AQ149" s="19">
        <f>'[1]年齢別人口市区町村(日本人)'!Q170</f>
        <v>1148</v>
      </c>
      <c r="AR149" s="19">
        <f>'[1]年齢別人口市区町村(外国人)'!Q170</f>
        <v>16</v>
      </c>
      <c r="AS149" s="19">
        <f>'[1]年齢別人口市区町村(総数)'!Q170</f>
        <v>1164</v>
      </c>
      <c r="AT149" s="19">
        <f>'[1]年齢別人口市区町村(日本人)'!R170</f>
        <v>875</v>
      </c>
      <c r="AU149" s="19">
        <f>'[1]年齢別人口市区町村(外国人)'!R170</f>
        <v>16</v>
      </c>
      <c r="AV149" s="19">
        <f>'[1]年齢別人口市区町村(総数)'!R170</f>
        <v>891</v>
      </c>
      <c r="AW149" s="19">
        <f>'[1]年齢別人口市区町村(日本人)'!S170</f>
        <v>809</v>
      </c>
      <c r="AX149" s="19">
        <f>'[1]年齢別人口市区町村(外国人)'!S170</f>
        <v>6</v>
      </c>
      <c r="AY149" s="19">
        <f>'[1]年齢別人口市区町村(総数)'!S170</f>
        <v>815</v>
      </c>
      <c r="AZ149" s="19">
        <f>'[1]年齢別人口市区町村(日本人)'!T170</f>
        <v>1003</v>
      </c>
      <c r="BA149" s="19">
        <f>'[1]年齢別人口市区町村(外国人)'!T170</f>
        <v>4</v>
      </c>
      <c r="BB149" s="19">
        <f>'[1]年齢別人口市区町村(総数)'!T170</f>
        <v>1007</v>
      </c>
      <c r="BC149" s="19">
        <f>'[1]年齢別人口市区町村(日本人)'!U170</f>
        <v>811</v>
      </c>
      <c r="BD149" s="19">
        <f>'[1]年齢別人口市区町村(外国人)'!U170</f>
        <v>2</v>
      </c>
      <c r="BE149" s="19">
        <f>'[1]年齢別人口市区町村(総数)'!U170</f>
        <v>813</v>
      </c>
      <c r="BF149" s="19">
        <f>'[1]年齢別人口市区町村(日本人)'!V170</f>
        <v>501</v>
      </c>
      <c r="BG149" s="19">
        <f>'[1]年齢別人口市区町村(外国人)'!V170</f>
        <v>3</v>
      </c>
      <c r="BH149" s="19">
        <f>'[1]年齢別人口市区町村(総数)'!V170</f>
        <v>504</v>
      </c>
      <c r="BI149" s="19">
        <f>'[1]年齢別人口市区町村(日本人)'!W170</f>
        <v>219</v>
      </c>
      <c r="BJ149" s="19">
        <f>'[1]年齢別人口市区町村(外国人)'!W170</f>
        <v>3</v>
      </c>
      <c r="BK149" s="19">
        <f>'[1]年齢別人口市区町村(総数)'!W170</f>
        <v>222</v>
      </c>
      <c r="BL149" s="19">
        <f>'[1]年齢別人口市区町村(日本人)'!X170</f>
        <v>53</v>
      </c>
      <c r="BM149" s="19">
        <f>'[1]年齢別人口市区町村(外国人)'!X170</f>
        <v>0</v>
      </c>
      <c r="BN149" s="19">
        <f>'[1]年齢別人口市区町村(総数)'!X170</f>
        <v>53</v>
      </c>
      <c r="BO149" s="19">
        <f>'[1]年齢別人口市区町村(日本人)'!Y170</f>
        <v>4</v>
      </c>
      <c r="BP149" s="19">
        <f>'[1]年齢別人口市区町村(外国人)'!Y170</f>
        <v>0</v>
      </c>
      <c r="BQ149" s="60">
        <f>'[1]年齢別人口市区町村(総数)'!Y170</f>
        <v>4</v>
      </c>
    </row>
    <row r="150" spans="1:69" x14ac:dyDescent="0.15">
      <c r="A150" s="20" t="s">
        <v>78</v>
      </c>
      <c r="B150" s="21" t="s">
        <v>31</v>
      </c>
      <c r="C150" s="46"/>
      <c r="D150" s="22">
        <f>'[1]年齢別人口市区町村(日本人)'!D171</f>
        <v>16517</v>
      </c>
      <c r="E150" s="23">
        <f>'[1]年齢別人口市区町村(外国人)'!D171</f>
        <v>120</v>
      </c>
      <c r="F150" s="24">
        <f>'[1]年齢別人口市区町村(総数)'!D171</f>
        <v>16637</v>
      </c>
      <c r="G150" s="23">
        <f>'[1]年齢別人口市区町村(日本人)'!E171</f>
        <v>331</v>
      </c>
      <c r="H150" s="23">
        <f>'[1]年齢別人口市区町村(外国人)'!E171</f>
        <v>2</v>
      </c>
      <c r="I150" s="24">
        <f>'[1]年齢別人口市区町村(総数)'!E171</f>
        <v>333</v>
      </c>
      <c r="J150" s="23">
        <f>'[1]年齢別人口市区町村(日本人)'!F171</f>
        <v>601</v>
      </c>
      <c r="K150" s="23">
        <f>'[1]年齢別人口市区町村(外国人)'!F171</f>
        <v>2</v>
      </c>
      <c r="L150" s="24">
        <f>'[1]年齢別人口市区町村(総数)'!F171</f>
        <v>603</v>
      </c>
      <c r="M150" s="23">
        <f>'[1]年齢別人口市区町村(日本人)'!G171</f>
        <v>759</v>
      </c>
      <c r="N150" s="23">
        <f>'[1]年齢別人口市区町村(外国人)'!G171</f>
        <v>6</v>
      </c>
      <c r="O150" s="24">
        <f>'[1]年齢別人口市区町村(総数)'!G171</f>
        <v>765</v>
      </c>
      <c r="P150" s="23">
        <f>'[1]年齢別人口市区町村(日本人)'!H171</f>
        <v>785</v>
      </c>
      <c r="Q150" s="23">
        <f>'[1]年齢別人口市区町村(外国人)'!H171</f>
        <v>2</v>
      </c>
      <c r="R150" s="24">
        <f>'[1]年齢別人口市区町村(総数)'!H171</f>
        <v>787</v>
      </c>
      <c r="S150" s="23">
        <f>'[1]年齢別人口市区町村(日本人)'!I171</f>
        <v>632</v>
      </c>
      <c r="T150" s="23">
        <f>'[1]年齢別人口市区町村(外国人)'!I171</f>
        <v>0</v>
      </c>
      <c r="U150" s="24">
        <f>'[1]年齢別人口市区町村(総数)'!I171</f>
        <v>632</v>
      </c>
      <c r="V150" s="23">
        <f>'[1]年齢別人口市区町村(日本人)'!J171</f>
        <v>392</v>
      </c>
      <c r="W150" s="23">
        <f>'[1]年齢別人口市区町村(外国人)'!J171</f>
        <v>7</v>
      </c>
      <c r="X150" s="24">
        <f>'[1]年齢別人口市区町村(総数)'!J171</f>
        <v>399</v>
      </c>
      <c r="Y150" s="23">
        <f>'[1]年齢別人口市区町村(日本人)'!K171</f>
        <v>379</v>
      </c>
      <c r="Z150" s="23">
        <f>'[1]年齢別人口市区町村(外国人)'!K171</f>
        <v>8</v>
      </c>
      <c r="AA150" s="24">
        <f>'[1]年齢別人口市区町村(総数)'!K171</f>
        <v>387</v>
      </c>
      <c r="AB150" s="23">
        <f>'[1]年齢別人口市区町村(日本人)'!L171</f>
        <v>586</v>
      </c>
      <c r="AC150" s="23">
        <f>'[1]年齢別人口市区町村(外国人)'!L171</f>
        <v>14</v>
      </c>
      <c r="AD150" s="24">
        <f>'[1]年齢別人口市区町村(総数)'!L171</f>
        <v>600</v>
      </c>
      <c r="AE150" s="23">
        <f>'[1]年齢別人口市区町村(日本人)'!M171</f>
        <v>949</v>
      </c>
      <c r="AF150" s="23">
        <f>'[1]年齢別人口市区町村(外国人)'!M171</f>
        <v>14</v>
      </c>
      <c r="AG150" s="24">
        <f>'[1]年齢別人口市区町村(総数)'!M171</f>
        <v>963</v>
      </c>
      <c r="AH150" s="23">
        <f>'[1]年齢別人口市区町村(日本人)'!N171</f>
        <v>1279</v>
      </c>
      <c r="AI150" s="23">
        <f>'[1]年齢別人口市区町村(外国人)'!N171</f>
        <v>12</v>
      </c>
      <c r="AJ150" s="24">
        <f>'[1]年齢別人口市区町村(総数)'!N171</f>
        <v>1291</v>
      </c>
      <c r="AK150" s="23">
        <f>'[1]年齢別人口市区町村(日本人)'!O171</f>
        <v>1554</v>
      </c>
      <c r="AL150" s="23">
        <f>'[1]年齢別人口市区町村(外国人)'!O171</f>
        <v>11</v>
      </c>
      <c r="AM150" s="24">
        <f>'[1]年齢別人口市区町村(総数)'!O171</f>
        <v>1565</v>
      </c>
      <c r="AN150" s="23">
        <f>'[1]年齢別人口市区町村(日本人)'!P171</f>
        <v>1436</v>
      </c>
      <c r="AO150" s="23">
        <f>'[1]年齢別人口市区町村(外国人)'!P171</f>
        <v>7</v>
      </c>
      <c r="AP150" s="24">
        <f>'[1]年齢別人口市区町村(総数)'!P171</f>
        <v>1443</v>
      </c>
      <c r="AQ150" s="23">
        <f>'[1]年齢別人口市区町村(日本人)'!Q171</f>
        <v>1130</v>
      </c>
      <c r="AR150" s="23">
        <f>'[1]年齢別人口市区町村(外国人)'!Q171</f>
        <v>9</v>
      </c>
      <c r="AS150" s="24">
        <f>'[1]年齢別人口市区町村(総数)'!Q171</f>
        <v>1139</v>
      </c>
      <c r="AT150" s="23">
        <f>'[1]年齢別人口市区町村(日本人)'!R171</f>
        <v>838</v>
      </c>
      <c r="AU150" s="23">
        <f>'[1]年齢別人口市区町村(外国人)'!R171</f>
        <v>5</v>
      </c>
      <c r="AV150" s="24">
        <f>'[1]年齢別人口市区町村(総数)'!R171</f>
        <v>843</v>
      </c>
      <c r="AW150" s="23">
        <f>'[1]年齢別人口市区町村(日本人)'!S171</f>
        <v>950</v>
      </c>
      <c r="AX150" s="23">
        <f>'[1]年齢別人口市区町村(外国人)'!S171</f>
        <v>5</v>
      </c>
      <c r="AY150" s="24">
        <f>'[1]年齢別人口市区町村(総数)'!S171</f>
        <v>955</v>
      </c>
      <c r="AZ150" s="23">
        <f>'[1]年齢別人口市区町村(日本人)'!T171</f>
        <v>1399</v>
      </c>
      <c r="BA150" s="23">
        <f>'[1]年齢別人口市区町村(外国人)'!T171</f>
        <v>5</v>
      </c>
      <c r="BB150" s="24">
        <f>'[1]年齢別人口市区町村(総数)'!T171</f>
        <v>1404</v>
      </c>
      <c r="BC150" s="23">
        <f>'[1]年齢別人口市区町村(日本人)'!U171</f>
        <v>1099</v>
      </c>
      <c r="BD150" s="23">
        <f>'[1]年齢別人口市区町村(外国人)'!U171</f>
        <v>4</v>
      </c>
      <c r="BE150" s="24">
        <f>'[1]年齢別人口市区町村(総数)'!U171</f>
        <v>1103</v>
      </c>
      <c r="BF150" s="23">
        <f>'[1]年齢別人口市区町村(日本人)'!V171</f>
        <v>799</v>
      </c>
      <c r="BG150" s="23">
        <f>'[1]年齢別人口市区町村(外国人)'!V171</f>
        <v>6</v>
      </c>
      <c r="BH150" s="24">
        <f>'[1]年齢別人口市区町村(総数)'!V171</f>
        <v>805</v>
      </c>
      <c r="BI150" s="23">
        <f>'[1]年齢別人口市区町村(日本人)'!W171</f>
        <v>442</v>
      </c>
      <c r="BJ150" s="23">
        <f>'[1]年齢別人口市区町村(外国人)'!W171</f>
        <v>1</v>
      </c>
      <c r="BK150" s="24">
        <f>'[1]年齢別人口市区町村(総数)'!W171</f>
        <v>443</v>
      </c>
      <c r="BL150" s="23">
        <f>'[1]年齢別人口市区町村(日本人)'!X171</f>
        <v>142</v>
      </c>
      <c r="BM150" s="23">
        <f>'[1]年齢別人口市区町村(外国人)'!X171</f>
        <v>0</v>
      </c>
      <c r="BN150" s="24">
        <f>'[1]年齢別人口市区町村(総数)'!X171</f>
        <v>142</v>
      </c>
      <c r="BO150" s="23">
        <f>'[1]年齢別人口市区町村(日本人)'!Y171</f>
        <v>35</v>
      </c>
      <c r="BP150" s="23">
        <f>'[1]年齢別人口市区町村(外国人)'!Y171</f>
        <v>0</v>
      </c>
      <c r="BQ150" s="61">
        <f>'[1]年齢別人口市区町村(総数)'!Y171</f>
        <v>35</v>
      </c>
    </row>
    <row r="151" spans="1:69" ht="15" thickBot="1" x14ac:dyDescent="0.2">
      <c r="A151" s="29"/>
      <c r="B151" s="25" t="s">
        <v>32</v>
      </c>
      <c r="C151" s="47"/>
      <c r="D151" s="26">
        <f>'[1]年齢別人口市区町村(日本人)'!D169</f>
        <v>31125</v>
      </c>
      <c r="E151" s="27">
        <f>'[1]年齢別人口市区町村(外国人)'!D169</f>
        <v>333</v>
      </c>
      <c r="F151" s="28">
        <f>'[1]年齢別人口市区町村(総数)'!D169</f>
        <v>31458</v>
      </c>
      <c r="G151" s="27">
        <f>'[1]年齢別人口市区町村(日本人)'!E169</f>
        <v>707</v>
      </c>
      <c r="H151" s="27">
        <f>'[1]年齢別人口市区町村(外国人)'!E169</f>
        <v>4</v>
      </c>
      <c r="I151" s="28">
        <f>'[1]年齢別人口市区町村(総数)'!E169</f>
        <v>711</v>
      </c>
      <c r="J151" s="27">
        <f>'[1]年齢別人口市区町村(日本人)'!F169</f>
        <v>1259</v>
      </c>
      <c r="K151" s="27">
        <f>'[1]年齢別人口市区町村(外国人)'!F169</f>
        <v>5</v>
      </c>
      <c r="L151" s="28">
        <f>'[1]年齢別人口市区町村(総数)'!F169</f>
        <v>1264</v>
      </c>
      <c r="M151" s="27">
        <f>'[1]年齢別人口市区町村(日本人)'!G169</f>
        <v>1607</v>
      </c>
      <c r="N151" s="27">
        <f>'[1]年齢別人口市区町村(外国人)'!G169</f>
        <v>8</v>
      </c>
      <c r="O151" s="28">
        <f>'[1]年齢別人口市区町村(総数)'!G169</f>
        <v>1615</v>
      </c>
      <c r="P151" s="27">
        <f>'[1]年齢別人口市区町村(日本人)'!H169</f>
        <v>1620</v>
      </c>
      <c r="Q151" s="27">
        <f>'[1]年齢別人口市区町村(外国人)'!H169</f>
        <v>6</v>
      </c>
      <c r="R151" s="28">
        <f>'[1]年齢別人口市区町村(総数)'!H169</f>
        <v>1626</v>
      </c>
      <c r="S151" s="27">
        <f>'[1]年齢別人口市区町村(日本人)'!I169</f>
        <v>1275</v>
      </c>
      <c r="T151" s="27">
        <f>'[1]年齢別人口市区町村(外国人)'!I169</f>
        <v>8</v>
      </c>
      <c r="U151" s="28">
        <f>'[1]年齢別人口市区町村(総数)'!I169</f>
        <v>1283</v>
      </c>
      <c r="V151" s="27">
        <f>'[1]年齢別人口市区町村(日本人)'!J169</f>
        <v>746</v>
      </c>
      <c r="W151" s="27">
        <f>'[1]年齢別人口市区町村(外国人)'!J169</f>
        <v>20</v>
      </c>
      <c r="X151" s="28">
        <f>'[1]年齢別人口市区町村(総数)'!J169</f>
        <v>766</v>
      </c>
      <c r="Y151" s="27">
        <f>'[1]年齢別人口市区町村(日本人)'!K169</f>
        <v>721</v>
      </c>
      <c r="Z151" s="27">
        <f>'[1]年齢別人口市区町村(外国人)'!K169</f>
        <v>13</v>
      </c>
      <c r="AA151" s="28">
        <f>'[1]年齢別人口市区町村(総数)'!K169</f>
        <v>734</v>
      </c>
      <c r="AB151" s="27">
        <f>'[1]年齢別人口市区町村(日本人)'!L169</f>
        <v>1063</v>
      </c>
      <c r="AC151" s="27">
        <f>'[1]年齢別人口市区町村(外国人)'!L169</f>
        <v>34</v>
      </c>
      <c r="AD151" s="28">
        <f>'[1]年齢別人口市区町村(総数)'!L169</f>
        <v>1097</v>
      </c>
      <c r="AE151" s="27">
        <f>'[1]年齢別人口市区町村(日本人)'!M169</f>
        <v>1705</v>
      </c>
      <c r="AF151" s="27">
        <f>'[1]年齢別人口市区町村(外国人)'!M169</f>
        <v>44</v>
      </c>
      <c r="AG151" s="28">
        <f>'[1]年齢別人口市区町村(総数)'!M169</f>
        <v>1749</v>
      </c>
      <c r="AH151" s="27">
        <f>'[1]年齢別人口市区町村(日本人)'!N169</f>
        <v>2388</v>
      </c>
      <c r="AI151" s="27">
        <f>'[1]年齢別人口市区町村(外国人)'!N169</f>
        <v>37</v>
      </c>
      <c r="AJ151" s="28">
        <f>'[1]年齢別人口市区町村(総数)'!N169</f>
        <v>2425</v>
      </c>
      <c r="AK151" s="27">
        <f>'[1]年齢別人口市区町村(日本人)'!O169</f>
        <v>3009</v>
      </c>
      <c r="AL151" s="27">
        <f>'[1]年齢別人口市区町村(外国人)'!O169</f>
        <v>38</v>
      </c>
      <c r="AM151" s="28">
        <f>'[1]年齢別人口市区町村(総数)'!O169</f>
        <v>3047</v>
      </c>
      <c r="AN151" s="27">
        <f>'[1]年齢別人口市区町村(日本人)'!P169</f>
        <v>2768</v>
      </c>
      <c r="AO151" s="27">
        <f>'[1]年齢別人口市区町村(外国人)'!P169</f>
        <v>31</v>
      </c>
      <c r="AP151" s="28">
        <f>'[1]年齢別人口市区町村(総数)'!P169</f>
        <v>2799</v>
      </c>
      <c r="AQ151" s="27">
        <f>'[1]年齢別人口市区町村(日本人)'!Q169</f>
        <v>2278</v>
      </c>
      <c r="AR151" s="27">
        <f>'[1]年齢別人口市区町村(外国人)'!Q169</f>
        <v>25</v>
      </c>
      <c r="AS151" s="28">
        <f>'[1]年齢別人口市区町村(総数)'!Q169</f>
        <v>2303</v>
      </c>
      <c r="AT151" s="27">
        <f>'[1]年齢別人口市区町村(日本人)'!R169</f>
        <v>1713</v>
      </c>
      <c r="AU151" s="27">
        <f>'[1]年齢別人口市区町村(外国人)'!R169</f>
        <v>21</v>
      </c>
      <c r="AV151" s="28">
        <f>'[1]年齢別人口市区町村(総数)'!R169</f>
        <v>1734</v>
      </c>
      <c r="AW151" s="27">
        <f>'[1]年齢別人口市区町村(日本人)'!S169</f>
        <v>1759</v>
      </c>
      <c r="AX151" s="27">
        <f>'[1]年齢別人口市区町村(外国人)'!S169</f>
        <v>11</v>
      </c>
      <c r="AY151" s="28">
        <f>'[1]年齢別人口市区町村(総数)'!S169</f>
        <v>1770</v>
      </c>
      <c r="AZ151" s="27">
        <f>'[1]年齢別人口市区町村(日本人)'!T169</f>
        <v>2402</v>
      </c>
      <c r="BA151" s="27">
        <f>'[1]年齢別人口市区町村(外国人)'!T169</f>
        <v>9</v>
      </c>
      <c r="BB151" s="28">
        <f>'[1]年齢別人口市区町村(総数)'!T169</f>
        <v>2411</v>
      </c>
      <c r="BC151" s="27">
        <f>'[1]年齢別人口市区町村(日本人)'!U169</f>
        <v>1910</v>
      </c>
      <c r="BD151" s="27">
        <f>'[1]年齢別人口市区町村(外国人)'!U169</f>
        <v>6</v>
      </c>
      <c r="BE151" s="28">
        <f>'[1]年齢別人口市区町村(総数)'!U169</f>
        <v>1916</v>
      </c>
      <c r="BF151" s="27">
        <f>'[1]年齢別人口市区町村(日本人)'!V169</f>
        <v>1300</v>
      </c>
      <c r="BG151" s="27">
        <f>'[1]年齢別人口市区町村(外国人)'!V169</f>
        <v>9</v>
      </c>
      <c r="BH151" s="28">
        <f>'[1]年齢別人口市区町村(総数)'!V169</f>
        <v>1309</v>
      </c>
      <c r="BI151" s="27">
        <f>'[1]年齢別人口市区町村(日本人)'!W169</f>
        <v>661</v>
      </c>
      <c r="BJ151" s="27">
        <f>'[1]年齢別人口市区町村(外国人)'!W169</f>
        <v>4</v>
      </c>
      <c r="BK151" s="28">
        <f>'[1]年齢別人口市区町村(総数)'!W169</f>
        <v>665</v>
      </c>
      <c r="BL151" s="27">
        <f>'[1]年齢別人口市区町村(日本人)'!X169</f>
        <v>195</v>
      </c>
      <c r="BM151" s="27">
        <f>'[1]年齢別人口市区町村(外国人)'!X169</f>
        <v>0</v>
      </c>
      <c r="BN151" s="28">
        <f>'[1]年齢別人口市区町村(総数)'!X169</f>
        <v>195</v>
      </c>
      <c r="BO151" s="27">
        <f>'[1]年齢別人口市区町村(日本人)'!Y169</f>
        <v>39</v>
      </c>
      <c r="BP151" s="27">
        <f>'[1]年齢別人口市区町村(外国人)'!Y169</f>
        <v>0</v>
      </c>
      <c r="BQ151" s="62">
        <f>'[1]年齢別人口市区町村(総数)'!Y169</f>
        <v>39</v>
      </c>
    </row>
    <row r="152" spans="1:69" x14ac:dyDescent="0.15">
      <c r="A152" s="20"/>
      <c r="B152" s="17" t="s">
        <v>29</v>
      </c>
      <c r="C152" s="45">
        <v>143219</v>
      </c>
      <c r="D152" s="18">
        <f>'[1]年齢別人口市区町村(日本人)'!D177</f>
        <v>23903</v>
      </c>
      <c r="E152" s="19">
        <f>'[1]年齢別人口市区町村(外国人)'!D177</f>
        <v>844</v>
      </c>
      <c r="F152" s="19">
        <f>'[1]年齢別人口市区町村(総数)'!D177</f>
        <v>24747</v>
      </c>
      <c r="G152" s="19">
        <f>'[1]年齢別人口市区町村(日本人)'!E177</f>
        <v>801</v>
      </c>
      <c r="H152" s="19">
        <f>'[1]年齢別人口市区町村(外国人)'!E177</f>
        <v>30</v>
      </c>
      <c r="I152" s="19">
        <f>'[1]年齢別人口市区町村(総数)'!E177</f>
        <v>831</v>
      </c>
      <c r="J152" s="19">
        <f>'[1]年齢別人口市区町村(日本人)'!F177</f>
        <v>1038</v>
      </c>
      <c r="K152" s="19">
        <f>'[1]年齢別人口市区町村(外国人)'!F177</f>
        <v>28</v>
      </c>
      <c r="L152" s="19">
        <f>'[1]年齢別人口市区町村(総数)'!F177</f>
        <v>1066</v>
      </c>
      <c r="M152" s="19">
        <f>'[1]年齢別人口市区町村(日本人)'!G177</f>
        <v>1099</v>
      </c>
      <c r="N152" s="19">
        <f>'[1]年齢別人口市区町村(外国人)'!G177</f>
        <v>22</v>
      </c>
      <c r="O152" s="19">
        <f>'[1]年齢別人口市区町村(総数)'!G177</f>
        <v>1121</v>
      </c>
      <c r="P152" s="19">
        <f>'[1]年齢別人口市区町村(日本人)'!H177</f>
        <v>1170</v>
      </c>
      <c r="Q152" s="19">
        <f>'[1]年齢別人口市区町村(外国人)'!H177</f>
        <v>28</v>
      </c>
      <c r="R152" s="19">
        <f>'[1]年齢別人口市区町村(総数)'!H177</f>
        <v>1198</v>
      </c>
      <c r="S152" s="19">
        <f>'[1]年齢別人口市区町村(日本人)'!I177</f>
        <v>1056</v>
      </c>
      <c r="T152" s="19">
        <f>'[1]年齢別人口市区町村(外国人)'!I177</f>
        <v>161</v>
      </c>
      <c r="U152" s="19">
        <f>'[1]年齢別人口市区町村(総数)'!I177</f>
        <v>1217</v>
      </c>
      <c r="V152" s="19">
        <f>'[1]年齢別人口市区町村(日本人)'!J177</f>
        <v>1113</v>
      </c>
      <c r="W152" s="19">
        <f>'[1]年齢別人口市区町村(外国人)'!J177</f>
        <v>176</v>
      </c>
      <c r="X152" s="19">
        <f>'[1]年齢別人口市区町村(総数)'!J177</f>
        <v>1289</v>
      </c>
      <c r="Y152" s="19">
        <f>'[1]年齢別人口市区町村(日本人)'!K177</f>
        <v>1226</v>
      </c>
      <c r="Z152" s="19">
        <f>'[1]年齢別人口市区町村(外国人)'!K177</f>
        <v>134</v>
      </c>
      <c r="AA152" s="19">
        <f>'[1]年齢別人口市区町村(総数)'!K177</f>
        <v>1360</v>
      </c>
      <c r="AB152" s="19">
        <f>'[1]年齢別人口市区町村(日本人)'!L177</f>
        <v>1449</v>
      </c>
      <c r="AC152" s="19">
        <f>'[1]年齢別人口市区町村(外国人)'!L177</f>
        <v>75</v>
      </c>
      <c r="AD152" s="19">
        <f>'[1]年齢別人口市区町村(総数)'!L177</f>
        <v>1524</v>
      </c>
      <c r="AE152" s="19">
        <f>'[1]年齢別人口市区町村(日本人)'!M177</f>
        <v>1496</v>
      </c>
      <c r="AF152" s="19">
        <f>'[1]年齢別人口市区町村(外国人)'!M177</f>
        <v>46</v>
      </c>
      <c r="AG152" s="19">
        <f>'[1]年齢別人口市区町村(総数)'!M177</f>
        <v>1542</v>
      </c>
      <c r="AH152" s="19">
        <f>'[1]年齢別人口市区町村(日本人)'!N177</f>
        <v>1903</v>
      </c>
      <c r="AI152" s="19">
        <f>'[1]年齢別人口市区町村(外国人)'!N177</f>
        <v>38</v>
      </c>
      <c r="AJ152" s="19">
        <f>'[1]年齢別人口市区町村(総数)'!N177</f>
        <v>1941</v>
      </c>
      <c r="AK152" s="19">
        <f>'[1]年齢別人口市区町村(日本人)'!O177</f>
        <v>2163</v>
      </c>
      <c r="AL152" s="19">
        <f>'[1]年齢別人口市区町村(外国人)'!O177</f>
        <v>27</v>
      </c>
      <c r="AM152" s="19">
        <f>'[1]年齢別人口市区町村(総数)'!O177</f>
        <v>2190</v>
      </c>
      <c r="AN152" s="19">
        <f>'[1]年齢別人口市区町村(日本人)'!P177</f>
        <v>1796</v>
      </c>
      <c r="AO152" s="19">
        <f>'[1]年齢別人口市区町村(外国人)'!P177</f>
        <v>28</v>
      </c>
      <c r="AP152" s="19">
        <f>'[1]年齢別人口市区町村(総数)'!P177</f>
        <v>1824</v>
      </c>
      <c r="AQ152" s="19">
        <f>'[1]年齢別人口市区町村(日本人)'!Q177</f>
        <v>1497</v>
      </c>
      <c r="AR152" s="19">
        <f>'[1]年齢別人口市区町村(外国人)'!Q177</f>
        <v>30</v>
      </c>
      <c r="AS152" s="19">
        <f>'[1]年齢別人口市区町村(総数)'!Q177</f>
        <v>1527</v>
      </c>
      <c r="AT152" s="19">
        <f>'[1]年齢別人口市区町村(日本人)'!R177</f>
        <v>1237</v>
      </c>
      <c r="AU152" s="19">
        <f>'[1]年齢別人口市区町村(外国人)'!R177</f>
        <v>10</v>
      </c>
      <c r="AV152" s="19">
        <f>'[1]年齢別人口市区町村(総数)'!R177</f>
        <v>1247</v>
      </c>
      <c r="AW152" s="19">
        <f>'[1]年齢別人口市区町村(日本人)'!S177</f>
        <v>1410</v>
      </c>
      <c r="AX152" s="19">
        <f>'[1]年齢別人口市区町村(外国人)'!S177</f>
        <v>3</v>
      </c>
      <c r="AY152" s="19">
        <f>'[1]年齢別人口市区町村(総数)'!S177</f>
        <v>1413</v>
      </c>
      <c r="AZ152" s="19">
        <f>'[1]年齢別人口市区町村(日本人)'!T177</f>
        <v>1537</v>
      </c>
      <c r="BA152" s="19">
        <f>'[1]年齢別人口市区町村(外国人)'!T177</f>
        <v>4</v>
      </c>
      <c r="BB152" s="19">
        <f>'[1]年齢別人口市区町村(総数)'!T177</f>
        <v>1541</v>
      </c>
      <c r="BC152" s="19">
        <f>'[1]年齢別人口市区町村(日本人)'!U177</f>
        <v>1100</v>
      </c>
      <c r="BD152" s="19">
        <f>'[1]年齢別人口市区町村(外国人)'!U177</f>
        <v>3</v>
      </c>
      <c r="BE152" s="19">
        <f>'[1]年齢別人口市区町村(総数)'!U177</f>
        <v>1103</v>
      </c>
      <c r="BF152" s="19">
        <f>'[1]年齢別人口市区町村(日本人)'!V177</f>
        <v>603</v>
      </c>
      <c r="BG152" s="19">
        <f>'[1]年齢別人口市区町村(外国人)'!V177</f>
        <v>1</v>
      </c>
      <c r="BH152" s="19">
        <f>'[1]年齢別人口市区町村(総数)'!V177</f>
        <v>604</v>
      </c>
      <c r="BI152" s="19">
        <f>'[1]年齢別人口市区町村(日本人)'!W177</f>
        <v>185</v>
      </c>
      <c r="BJ152" s="19">
        <f>'[1]年齢別人口市区町村(外国人)'!W177</f>
        <v>0</v>
      </c>
      <c r="BK152" s="19">
        <f>'[1]年齢別人口市区町村(総数)'!W177</f>
        <v>185</v>
      </c>
      <c r="BL152" s="19">
        <f>'[1]年齢別人口市区町村(日本人)'!X177</f>
        <v>22</v>
      </c>
      <c r="BM152" s="19">
        <f>'[1]年齢別人口市区町村(外国人)'!X177</f>
        <v>0</v>
      </c>
      <c r="BN152" s="19">
        <f>'[1]年齢別人口市区町村(総数)'!X177</f>
        <v>22</v>
      </c>
      <c r="BO152" s="19">
        <f>'[1]年齢別人口市区町村(日本人)'!Y177</f>
        <v>2</v>
      </c>
      <c r="BP152" s="19">
        <f>'[1]年齢別人口市区町村(外国人)'!Y177</f>
        <v>0</v>
      </c>
      <c r="BQ152" s="60">
        <f>'[1]年齢別人口市区町村(総数)'!Y177</f>
        <v>2</v>
      </c>
    </row>
    <row r="153" spans="1:69" x14ac:dyDescent="0.15">
      <c r="A153" s="20" t="s">
        <v>79</v>
      </c>
      <c r="B153" s="21" t="s">
        <v>31</v>
      </c>
      <c r="C153" s="46"/>
      <c r="D153" s="22">
        <f>'[1]年齢別人口市区町村(日本人)'!D178</f>
        <v>23414</v>
      </c>
      <c r="E153" s="23">
        <f>'[1]年齢別人口市区町村(外国人)'!D178</f>
        <v>541</v>
      </c>
      <c r="F153" s="24">
        <f>'[1]年齢別人口市区町村(総数)'!D178</f>
        <v>23955</v>
      </c>
      <c r="G153" s="23">
        <f>'[1]年齢別人口市区町村(日本人)'!E178</f>
        <v>750</v>
      </c>
      <c r="H153" s="23">
        <f>'[1]年齢別人口市区町村(外国人)'!E178</f>
        <v>23</v>
      </c>
      <c r="I153" s="24">
        <f>'[1]年齢別人口市区町村(総数)'!E178</f>
        <v>773</v>
      </c>
      <c r="J153" s="23">
        <f>'[1]年齢別人口市区町村(日本人)'!F178</f>
        <v>938</v>
      </c>
      <c r="K153" s="23">
        <f>'[1]年齢別人口市区町村(外国人)'!F178</f>
        <v>22</v>
      </c>
      <c r="L153" s="24">
        <f>'[1]年齢別人口市区町村(総数)'!F178</f>
        <v>960</v>
      </c>
      <c r="M153" s="23">
        <f>'[1]年齢別人口市区町村(日本人)'!G178</f>
        <v>1064</v>
      </c>
      <c r="N153" s="23">
        <f>'[1]年齢別人口市区町村(外国人)'!G178</f>
        <v>21</v>
      </c>
      <c r="O153" s="24">
        <f>'[1]年齢別人口市区町村(総数)'!G178</f>
        <v>1085</v>
      </c>
      <c r="P153" s="23">
        <f>'[1]年齢別人口市区町村(日本人)'!H178</f>
        <v>1066</v>
      </c>
      <c r="Q153" s="23">
        <f>'[1]年齢別人口市区町村(外国人)'!H178</f>
        <v>15</v>
      </c>
      <c r="R153" s="24">
        <f>'[1]年齢別人口市区町村(総数)'!H178</f>
        <v>1081</v>
      </c>
      <c r="S153" s="23">
        <f>'[1]年齢別人口市区町村(日本人)'!I178</f>
        <v>1021</v>
      </c>
      <c r="T153" s="23">
        <f>'[1]年齢別人口市区町村(外国人)'!I178</f>
        <v>40</v>
      </c>
      <c r="U153" s="24">
        <f>'[1]年齢別人口市区町村(総数)'!I178</f>
        <v>1061</v>
      </c>
      <c r="V153" s="23">
        <f>'[1]年齢別人口市区町村(日本人)'!J178</f>
        <v>1008</v>
      </c>
      <c r="W153" s="23">
        <f>'[1]年齢別人口市区町村(外国人)'!J178</f>
        <v>79</v>
      </c>
      <c r="X153" s="24">
        <f>'[1]年齢別人口市区町村(総数)'!J178</f>
        <v>1087</v>
      </c>
      <c r="Y153" s="23">
        <f>'[1]年齢別人口市区町村(日本人)'!K178</f>
        <v>1081</v>
      </c>
      <c r="Z153" s="23">
        <f>'[1]年齢別人口市区町村(外国人)'!K178</f>
        <v>69</v>
      </c>
      <c r="AA153" s="24">
        <f>'[1]年齢別人口市区町村(総数)'!K178</f>
        <v>1150</v>
      </c>
      <c r="AB153" s="23">
        <f>'[1]年齢別人口市区町村(日本人)'!L178</f>
        <v>1252</v>
      </c>
      <c r="AC153" s="23">
        <f>'[1]年齢別人口市区町村(外国人)'!L178</f>
        <v>45</v>
      </c>
      <c r="AD153" s="24">
        <f>'[1]年齢別人口市区町村(総数)'!L178</f>
        <v>1297</v>
      </c>
      <c r="AE153" s="23">
        <f>'[1]年齢別人口市区町村(日本人)'!M178</f>
        <v>1414</v>
      </c>
      <c r="AF153" s="23">
        <f>'[1]年齢別人口市区町村(外国人)'!M178</f>
        <v>47</v>
      </c>
      <c r="AG153" s="24">
        <f>'[1]年齢別人口市区町村(総数)'!M178</f>
        <v>1461</v>
      </c>
      <c r="AH153" s="23">
        <f>'[1]年齢別人口市区町村(日本人)'!N178</f>
        <v>1670</v>
      </c>
      <c r="AI153" s="23">
        <f>'[1]年齢別人口市区町村(外国人)'!N178</f>
        <v>31</v>
      </c>
      <c r="AJ153" s="24">
        <f>'[1]年齢別人口市区町村(総数)'!N178</f>
        <v>1701</v>
      </c>
      <c r="AK153" s="23">
        <f>'[1]年齢別人口市区町村(日本人)'!O178</f>
        <v>1860</v>
      </c>
      <c r="AL153" s="23">
        <f>'[1]年齢別人口市区町村(外国人)'!O178</f>
        <v>42</v>
      </c>
      <c r="AM153" s="24">
        <f>'[1]年齢別人口市区町村(総数)'!O178</f>
        <v>1902</v>
      </c>
      <c r="AN153" s="23">
        <f>'[1]年齢別人口市区町村(日本人)'!P178</f>
        <v>1537</v>
      </c>
      <c r="AO153" s="23">
        <f>'[1]年齢別人口市区町村(外国人)'!P178</f>
        <v>37</v>
      </c>
      <c r="AP153" s="24">
        <f>'[1]年齢別人口市区町村(総数)'!P178</f>
        <v>1574</v>
      </c>
      <c r="AQ153" s="23">
        <f>'[1]年齢別人口市区町村(日本人)'!Q178</f>
        <v>1362</v>
      </c>
      <c r="AR153" s="23">
        <f>'[1]年齢別人口市区町村(外国人)'!Q178</f>
        <v>33</v>
      </c>
      <c r="AS153" s="24">
        <f>'[1]年齢別人口市区町村(総数)'!Q178</f>
        <v>1395</v>
      </c>
      <c r="AT153" s="23">
        <f>'[1]年齢別人口市区町村(日本人)'!R178</f>
        <v>1264</v>
      </c>
      <c r="AU153" s="23">
        <f>'[1]年齢別人口市区町村(外国人)'!R178</f>
        <v>22</v>
      </c>
      <c r="AV153" s="24">
        <f>'[1]年齢別人口市区町村(総数)'!R178</f>
        <v>1286</v>
      </c>
      <c r="AW153" s="23">
        <f>'[1]年齢別人口市区町村(日本人)'!S178</f>
        <v>1565</v>
      </c>
      <c r="AX153" s="23">
        <f>'[1]年齢別人口市区町村(外国人)'!S178</f>
        <v>7</v>
      </c>
      <c r="AY153" s="24">
        <f>'[1]年齢別人口市区町村(総数)'!S178</f>
        <v>1572</v>
      </c>
      <c r="AZ153" s="23">
        <f>'[1]年齢別人口市区町村(日本人)'!T178</f>
        <v>1842</v>
      </c>
      <c r="BA153" s="23">
        <f>'[1]年齢別人口市区町村(外国人)'!T178</f>
        <v>1</v>
      </c>
      <c r="BB153" s="24">
        <f>'[1]年齢別人口市区町村(総数)'!T178</f>
        <v>1843</v>
      </c>
      <c r="BC153" s="23">
        <f>'[1]年齢別人口市区町村(日本人)'!U178</f>
        <v>1377</v>
      </c>
      <c r="BD153" s="23">
        <f>'[1]年齢別人口市区町村(外国人)'!U178</f>
        <v>2</v>
      </c>
      <c r="BE153" s="24">
        <f>'[1]年齢別人口市区町村(総数)'!U178</f>
        <v>1379</v>
      </c>
      <c r="BF153" s="23">
        <f>'[1]年齢別人口市区町村(日本人)'!V178</f>
        <v>796</v>
      </c>
      <c r="BG153" s="23">
        <f>'[1]年齢別人口市区町村(外国人)'!V178</f>
        <v>3</v>
      </c>
      <c r="BH153" s="24">
        <f>'[1]年齢別人口市区町村(総数)'!V178</f>
        <v>799</v>
      </c>
      <c r="BI153" s="23">
        <f>'[1]年齢別人口市区町村(日本人)'!W178</f>
        <v>400</v>
      </c>
      <c r="BJ153" s="23">
        <f>'[1]年齢別人口市区町村(外国人)'!W178</f>
        <v>2</v>
      </c>
      <c r="BK153" s="24">
        <f>'[1]年齢別人口市区町村(総数)'!W178</f>
        <v>402</v>
      </c>
      <c r="BL153" s="23">
        <f>'[1]年齢別人口市区町村(日本人)'!X178</f>
        <v>131</v>
      </c>
      <c r="BM153" s="23">
        <f>'[1]年齢別人口市区町村(外国人)'!X178</f>
        <v>0</v>
      </c>
      <c r="BN153" s="24">
        <f>'[1]年齢別人口市区町村(総数)'!X178</f>
        <v>131</v>
      </c>
      <c r="BO153" s="23">
        <f>'[1]年齢別人口市区町村(日本人)'!Y178</f>
        <v>16</v>
      </c>
      <c r="BP153" s="23">
        <f>'[1]年齢別人口市区町村(外国人)'!Y178</f>
        <v>0</v>
      </c>
      <c r="BQ153" s="61">
        <f>'[1]年齢別人口市区町村(総数)'!Y178</f>
        <v>16</v>
      </c>
    </row>
    <row r="154" spans="1:69" ht="15" thickBot="1" x14ac:dyDescent="0.2">
      <c r="A154" s="29"/>
      <c r="B154" s="25" t="s">
        <v>32</v>
      </c>
      <c r="C154" s="47"/>
      <c r="D154" s="26">
        <f>'[1]年齢別人口市区町村(日本人)'!D176</f>
        <v>47317</v>
      </c>
      <c r="E154" s="27">
        <f>'[1]年齢別人口市区町村(外国人)'!D176</f>
        <v>1385</v>
      </c>
      <c r="F154" s="28">
        <f>'[1]年齢別人口市区町村(総数)'!D176</f>
        <v>48702</v>
      </c>
      <c r="G154" s="27">
        <f>'[1]年齢別人口市区町村(日本人)'!E176</f>
        <v>1551</v>
      </c>
      <c r="H154" s="27">
        <f>'[1]年齢別人口市区町村(外国人)'!E176</f>
        <v>53</v>
      </c>
      <c r="I154" s="28">
        <f>'[1]年齢別人口市区町村(総数)'!E176</f>
        <v>1604</v>
      </c>
      <c r="J154" s="27">
        <f>'[1]年齢別人口市区町村(日本人)'!F176</f>
        <v>1976</v>
      </c>
      <c r="K154" s="27">
        <f>'[1]年齢別人口市区町村(外国人)'!F176</f>
        <v>50</v>
      </c>
      <c r="L154" s="28">
        <f>'[1]年齢別人口市区町村(総数)'!F176</f>
        <v>2026</v>
      </c>
      <c r="M154" s="27">
        <f>'[1]年齢別人口市区町村(日本人)'!G176</f>
        <v>2163</v>
      </c>
      <c r="N154" s="27">
        <f>'[1]年齢別人口市区町村(外国人)'!G176</f>
        <v>43</v>
      </c>
      <c r="O154" s="28">
        <f>'[1]年齢別人口市区町村(総数)'!G176</f>
        <v>2206</v>
      </c>
      <c r="P154" s="27">
        <f>'[1]年齢別人口市区町村(日本人)'!H176</f>
        <v>2236</v>
      </c>
      <c r="Q154" s="27">
        <f>'[1]年齢別人口市区町村(外国人)'!H176</f>
        <v>43</v>
      </c>
      <c r="R154" s="28">
        <f>'[1]年齢別人口市区町村(総数)'!H176</f>
        <v>2279</v>
      </c>
      <c r="S154" s="27">
        <f>'[1]年齢別人口市区町村(日本人)'!I176</f>
        <v>2077</v>
      </c>
      <c r="T154" s="27">
        <f>'[1]年齢別人口市区町村(外国人)'!I176</f>
        <v>201</v>
      </c>
      <c r="U154" s="28">
        <f>'[1]年齢別人口市区町村(総数)'!I176</f>
        <v>2278</v>
      </c>
      <c r="V154" s="27">
        <f>'[1]年齢別人口市区町村(日本人)'!J176</f>
        <v>2121</v>
      </c>
      <c r="W154" s="27">
        <f>'[1]年齢別人口市区町村(外国人)'!J176</f>
        <v>255</v>
      </c>
      <c r="X154" s="28">
        <f>'[1]年齢別人口市区町村(総数)'!J176</f>
        <v>2376</v>
      </c>
      <c r="Y154" s="27">
        <f>'[1]年齢別人口市区町村(日本人)'!K176</f>
        <v>2307</v>
      </c>
      <c r="Z154" s="27">
        <f>'[1]年齢別人口市区町村(外国人)'!K176</f>
        <v>203</v>
      </c>
      <c r="AA154" s="28">
        <f>'[1]年齢別人口市区町村(総数)'!K176</f>
        <v>2510</v>
      </c>
      <c r="AB154" s="27">
        <f>'[1]年齢別人口市区町村(日本人)'!L176</f>
        <v>2701</v>
      </c>
      <c r="AC154" s="27">
        <f>'[1]年齢別人口市区町村(外国人)'!L176</f>
        <v>120</v>
      </c>
      <c r="AD154" s="28">
        <f>'[1]年齢別人口市区町村(総数)'!L176</f>
        <v>2821</v>
      </c>
      <c r="AE154" s="27">
        <f>'[1]年齢別人口市区町村(日本人)'!M176</f>
        <v>2910</v>
      </c>
      <c r="AF154" s="27">
        <f>'[1]年齢別人口市区町村(外国人)'!M176</f>
        <v>93</v>
      </c>
      <c r="AG154" s="28">
        <f>'[1]年齢別人口市区町村(総数)'!M176</f>
        <v>3003</v>
      </c>
      <c r="AH154" s="27">
        <f>'[1]年齢別人口市区町村(日本人)'!N176</f>
        <v>3573</v>
      </c>
      <c r="AI154" s="27">
        <f>'[1]年齢別人口市区町村(外国人)'!N176</f>
        <v>69</v>
      </c>
      <c r="AJ154" s="28">
        <f>'[1]年齢別人口市区町村(総数)'!N176</f>
        <v>3642</v>
      </c>
      <c r="AK154" s="27">
        <f>'[1]年齢別人口市区町村(日本人)'!O176</f>
        <v>4023</v>
      </c>
      <c r="AL154" s="27">
        <f>'[1]年齢別人口市区町村(外国人)'!O176</f>
        <v>69</v>
      </c>
      <c r="AM154" s="28">
        <f>'[1]年齢別人口市区町村(総数)'!O176</f>
        <v>4092</v>
      </c>
      <c r="AN154" s="27">
        <f>'[1]年齢別人口市区町村(日本人)'!P176</f>
        <v>3333</v>
      </c>
      <c r="AO154" s="27">
        <f>'[1]年齢別人口市区町村(外国人)'!P176</f>
        <v>65</v>
      </c>
      <c r="AP154" s="28">
        <f>'[1]年齢別人口市区町村(総数)'!P176</f>
        <v>3398</v>
      </c>
      <c r="AQ154" s="27">
        <f>'[1]年齢別人口市区町村(日本人)'!Q176</f>
        <v>2859</v>
      </c>
      <c r="AR154" s="27">
        <f>'[1]年齢別人口市区町村(外国人)'!Q176</f>
        <v>63</v>
      </c>
      <c r="AS154" s="28">
        <f>'[1]年齢別人口市区町村(総数)'!Q176</f>
        <v>2922</v>
      </c>
      <c r="AT154" s="27">
        <f>'[1]年齢別人口市区町村(日本人)'!R176</f>
        <v>2501</v>
      </c>
      <c r="AU154" s="27">
        <f>'[1]年齢別人口市区町村(外国人)'!R176</f>
        <v>32</v>
      </c>
      <c r="AV154" s="28">
        <f>'[1]年齢別人口市区町村(総数)'!R176</f>
        <v>2533</v>
      </c>
      <c r="AW154" s="27">
        <f>'[1]年齢別人口市区町村(日本人)'!S176</f>
        <v>2975</v>
      </c>
      <c r="AX154" s="27">
        <f>'[1]年齢別人口市区町村(外国人)'!S176</f>
        <v>10</v>
      </c>
      <c r="AY154" s="28">
        <f>'[1]年齢別人口市区町村(総数)'!S176</f>
        <v>2985</v>
      </c>
      <c r="AZ154" s="27">
        <f>'[1]年齢別人口市区町村(日本人)'!T176</f>
        <v>3379</v>
      </c>
      <c r="BA154" s="27">
        <f>'[1]年齢別人口市区町村(外国人)'!T176</f>
        <v>5</v>
      </c>
      <c r="BB154" s="28">
        <f>'[1]年齢別人口市区町村(総数)'!T176</f>
        <v>3384</v>
      </c>
      <c r="BC154" s="27">
        <f>'[1]年齢別人口市区町村(日本人)'!U176</f>
        <v>2477</v>
      </c>
      <c r="BD154" s="27">
        <f>'[1]年齢別人口市区町村(外国人)'!U176</f>
        <v>5</v>
      </c>
      <c r="BE154" s="28">
        <f>'[1]年齢別人口市区町村(総数)'!U176</f>
        <v>2482</v>
      </c>
      <c r="BF154" s="27">
        <f>'[1]年齢別人口市区町村(日本人)'!V176</f>
        <v>1399</v>
      </c>
      <c r="BG154" s="27">
        <f>'[1]年齢別人口市区町村(外国人)'!V176</f>
        <v>4</v>
      </c>
      <c r="BH154" s="28">
        <f>'[1]年齢別人口市区町村(総数)'!V176</f>
        <v>1403</v>
      </c>
      <c r="BI154" s="27">
        <f>'[1]年齢別人口市区町村(日本人)'!W176</f>
        <v>585</v>
      </c>
      <c r="BJ154" s="27">
        <f>'[1]年齢別人口市区町村(外国人)'!W176</f>
        <v>2</v>
      </c>
      <c r="BK154" s="28">
        <f>'[1]年齢別人口市区町村(総数)'!W176</f>
        <v>587</v>
      </c>
      <c r="BL154" s="27">
        <f>'[1]年齢別人口市区町村(日本人)'!X176</f>
        <v>153</v>
      </c>
      <c r="BM154" s="27">
        <f>'[1]年齢別人口市区町村(外国人)'!X176</f>
        <v>0</v>
      </c>
      <c r="BN154" s="28">
        <f>'[1]年齢別人口市区町村(総数)'!X176</f>
        <v>153</v>
      </c>
      <c r="BO154" s="27">
        <f>'[1]年齢別人口市区町村(日本人)'!Y176</f>
        <v>18</v>
      </c>
      <c r="BP154" s="27">
        <f>'[1]年齢別人口市区町村(外国人)'!Y176</f>
        <v>0</v>
      </c>
      <c r="BQ154" s="62">
        <f>'[1]年齢別人口市区町村(総数)'!Y176</f>
        <v>18</v>
      </c>
    </row>
    <row r="155" spans="1:69" x14ac:dyDescent="0.15">
      <c r="A155" s="20"/>
      <c r="B155" s="17" t="s">
        <v>29</v>
      </c>
      <c r="C155" s="45">
        <v>143413</v>
      </c>
      <c r="D155" s="18">
        <f>'[1]年齢別人口市区町村(日本人)'!D184</f>
        <v>15182</v>
      </c>
      <c r="E155" s="19">
        <f>'[1]年齢別人口市区町村(外国人)'!D184</f>
        <v>163</v>
      </c>
      <c r="F155" s="19">
        <f>'[1]年齢別人口市区町村(総数)'!D184</f>
        <v>15345</v>
      </c>
      <c r="G155" s="19">
        <f>'[1]年齢別人口市区町村(日本人)'!E184</f>
        <v>352</v>
      </c>
      <c r="H155" s="19">
        <f>'[1]年齢別人口市区町村(外国人)'!E184</f>
        <v>1</v>
      </c>
      <c r="I155" s="19">
        <f>'[1]年齢別人口市区町村(総数)'!E184</f>
        <v>353</v>
      </c>
      <c r="J155" s="19">
        <f>'[1]年齢別人口市区町村(日本人)'!F184</f>
        <v>608</v>
      </c>
      <c r="K155" s="19">
        <f>'[1]年齢別人口市区町村(外国人)'!F184</f>
        <v>0</v>
      </c>
      <c r="L155" s="19">
        <f>'[1]年齢別人口市区町村(総数)'!F184</f>
        <v>608</v>
      </c>
      <c r="M155" s="19">
        <f>'[1]年齢別人口市区町村(日本人)'!G184</f>
        <v>655</v>
      </c>
      <c r="N155" s="19">
        <f>'[1]年齢別人口市区町村(外国人)'!G184</f>
        <v>2</v>
      </c>
      <c r="O155" s="19">
        <f>'[1]年齢別人口市区町村(総数)'!G184</f>
        <v>657</v>
      </c>
      <c r="P155" s="19">
        <f>'[1]年齢別人口市区町村(日本人)'!H184</f>
        <v>733</v>
      </c>
      <c r="Q155" s="19">
        <f>'[1]年齢別人口市区町村(外国人)'!H184</f>
        <v>5</v>
      </c>
      <c r="R155" s="19">
        <f>'[1]年齢別人口市区町村(総数)'!H184</f>
        <v>738</v>
      </c>
      <c r="S155" s="19">
        <f>'[1]年齢別人口市区町村(日本人)'!I184</f>
        <v>605</v>
      </c>
      <c r="T155" s="19">
        <f>'[1]年齢別人口市区町村(外国人)'!I184</f>
        <v>11</v>
      </c>
      <c r="U155" s="19">
        <f>'[1]年齢別人口市区町村(総数)'!I184</f>
        <v>616</v>
      </c>
      <c r="V155" s="19">
        <f>'[1]年齢別人口市区町村(日本人)'!J184</f>
        <v>458</v>
      </c>
      <c r="W155" s="19">
        <f>'[1]年齢別人口市区町村(外国人)'!J184</f>
        <v>21</v>
      </c>
      <c r="X155" s="19">
        <f>'[1]年齢別人口市区町村(総数)'!J184</f>
        <v>479</v>
      </c>
      <c r="Y155" s="19">
        <f>'[1]年齢別人口市区町村(日本人)'!K184</f>
        <v>509</v>
      </c>
      <c r="Z155" s="19">
        <f>'[1]年齢別人口市区町村(外国人)'!K184</f>
        <v>21</v>
      </c>
      <c r="AA155" s="19">
        <f>'[1]年齢別人口市区町村(総数)'!K184</f>
        <v>530</v>
      </c>
      <c r="AB155" s="19">
        <f>'[1]年齢別人口市区町村(日本人)'!L184</f>
        <v>602</v>
      </c>
      <c r="AC155" s="19">
        <f>'[1]年齢別人口市区町村(外国人)'!L184</f>
        <v>23</v>
      </c>
      <c r="AD155" s="19">
        <f>'[1]年齢別人口市区町村(総数)'!L184</f>
        <v>625</v>
      </c>
      <c r="AE155" s="19">
        <f>'[1]年齢別人口市区町村(日本人)'!M184</f>
        <v>877</v>
      </c>
      <c r="AF155" s="19">
        <f>'[1]年齢別人口市区町村(外国人)'!M184</f>
        <v>16</v>
      </c>
      <c r="AG155" s="19">
        <f>'[1]年齢別人口市区町村(総数)'!M184</f>
        <v>893</v>
      </c>
      <c r="AH155" s="19">
        <f>'[1]年齢別人口市区町村(日本人)'!N184</f>
        <v>1101</v>
      </c>
      <c r="AI155" s="19">
        <f>'[1]年齢別人口市区町村(外国人)'!N184</f>
        <v>16</v>
      </c>
      <c r="AJ155" s="19">
        <f>'[1]年齢別人口市区町村(総数)'!N184</f>
        <v>1117</v>
      </c>
      <c r="AK155" s="19">
        <f>'[1]年齢別人口市区町村(日本人)'!O184</f>
        <v>1395</v>
      </c>
      <c r="AL155" s="19">
        <f>'[1]年齢別人口市区町村(外国人)'!O184</f>
        <v>15</v>
      </c>
      <c r="AM155" s="19">
        <f>'[1]年齢別人口市区町村(総数)'!O184</f>
        <v>1410</v>
      </c>
      <c r="AN155" s="19">
        <f>'[1]年齢別人口市区町村(日本人)'!P184</f>
        <v>1317</v>
      </c>
      <c r="AO155" s="19">
        <f>'[1]年齢別人口市区町村(外国人)'!P184</f>
        <v>11</v>
      </c>
      <c r="AP155" s="19">
        <f>'[1]年齢別人口市区町村(総数)'!P184</f>
        <v>1328</v>
      </c>
      <c r="AQ155" s="19">
        <f>'[1]年齢別人口市区町村(日本人)'!Q184</f>
        <v>1122</v>
      </c>
      <c r="AR155" s="19">
        <f>'[1]年齢別人口市区町村(外国人)'!Q184</f>
        <v>9</v>
      </c>
      <c r="AS155" s="19">
        <f>'[1]年齢別人口市区町村(総数)'!Q184</f>
        <v>1131</v>
      </c>
      <c r="AT155" s="19">
        <f>'[1]年齢別人口市区町村(日本人)'!R184</f>
        <v>934</v>
      </c>
      <c r="AU155" s="19">
        <f>'[1]年齢別人口市区町村(外国人)'!R184</f>
        <v>6</v>
      </c>
      <c r="AV155" s="19">
        <f>'[1]年齢別人口市区町村(総数)'!R184</f>
        <v>940</v>
      </c>
      <c r="AW155" s="19">
        <f>'[1]年齢別人口市区町村(日本人)'!S184</f>
        <v>1015</v>
      </c>
      <c r="AX155" s="19">
        <f>'[1]年齢別人口市区町村(外国人)'!S184</f>
        <v>2</v>
      </c>
      <c r="AY155" s="19">
        <f>'[1]年齢別人口市区町村(総数)'!S184</f>
        <v>1017</v>
      </c>
      <c r="AZ155" s="19">
        <f>'[1]年齢別人口市区町村(日本人)'!T184</f>
        <v>1259</v>
      </c>
      <c r="BA155" s="19">
        <f>'[1]年齢別人口市区町村(外国人)'!T184</f>
        <v>2</v>
      </c>
      <c r="BB155" s="19">
        <f>'[1]年齢別人口市区町村(総数)'!T184</f>
        <v>1261</v>
      </c>
      <c r="BC155" s="19">
        <f>'[1]年齢別人口市区町村(日本人)'!U184</f>
        <v>909</v>
      </c>
      <c r="BD155" s="19">
        <f>'[1]年齢別人口市区町村(外国人)'!U184</f>
        <v>1</v>
      </c>
      <c r="BE155" s="19">
        <f>'[1]年齢別人口市区町村(総数)'!U184</f>
        <v>910</v>
      </c>
      <c r="BF155" s="19">
        <f>'[1]年齢別人口市区町村(日本人)'!V184</f>
        <v>507</v>
      </c>
      <c r="BG155" s="19">
        <f>'[1]年齢別人口市区町村(外国人)'!V184</f>
        <v>1</v>
      </c>
      <c r="BH155" s="19">
        <f>'[1]年齢別人口市区町村(総数)'!V184</f>
        <v>508</v>
      </c>
      <c r="BI155" s="19">
        <f>'[1]年齢別人口市区町村(日本人)'!W184</f>
        <v>178</v>
      </c>
      <c r="BJ155" s="19">
        <f>'[1]年齢別人口市区町村(外国人)'!W184</f>
        <v>0</v>
      </c>
      <c r="BK155" s="19">
        <f>'[1]年齢別人口市区町村(総数)'!W184</f>
        <v>178</v>
      </c>
      <c r="BL155" s="19">
        <f>'[1]年齢別人口市区町村(日本人)'!X184</f>
        <v>45</v>
      </c>
      <c r="BM155" s="19">
        <f>'[1]年齢別人口市区町村(外国人)'!X184</f>
        <v>0</v>
      </c>
      <c r="BN155" s="19">
        <f>'[1]年齢別人口市区町村(総数)'!X184</f>
        <v>45</v>
      </c>
      <c r="BO155" s="19">
        <f>'[1]年齢別人口市区町村(日本人)'!Y184</f>
        <v>1</v>
      </c>
      <c r="BP155" s="19">
        <f>'[1]年齢別人口市区町村(外国人)'!Y184</f>
        <v>0</v>
      </c>
      <c r="BQ155" s="60">
        <f>'[1]年齢別人口市区町村(総数)'!Y184</f>
        <v>1</v>
      </c>
    </row>
    <row r="156" spans="1:69" x14ac:dyDescent="0.15">
      <c r="A156" s="20" t="s">
        <v>80</v>
      </c>
      <c r="B156" s="21" t="s">
        <v>31</v>
      </c>
      <c r="C156" s="46"/>
      <c r="D156" s="22">
        <f>'[1]年齢別人口市区町村(日本人)'!D185</f>
        <v>15987</v>
      </c>
      <c r="E156" s="23">
        <f>'[1]年齢別人口市区町村(外国人)'!D185</f>
        <v>129</v>
      </c>
      <c r="F156" s="24">
        <f>'[1]年齢別人口市区町村(総数)'!D185</f>
        <v>16116</v>
      </c>
      <c r="G156" s="23">
        <f>'[1]年齢別人口市区町村(日本人)'!E185</f>
        <v>355</v>
      </c>
      <c r="H156" s="23">
        <f>'[1]年齢別人口市区町村(外国人)'!E185</f>
        <v>1</v>
      </c>
      <c r="I156" s="24">
        <f>'[1]年齢別人口市区町村(総数)'!E185</f>
        <v>356</v>
      </c>
      <c r="J156" s="23">
        <f>'[1]年齢別人口市区町村(日本人)'!F185</f>
        <v>532</v>
      </c>
      <c r="K156" s="23">
        <f>'[1]年齢別人口市区町村(外国人)'!F185</f>
        <v>0</v>
      </c>
      <c r="L156" s="24">
        <f>'[1]年齢別人口市区町村(総数)'!F185</f>
        <v>532</v>
      </c>
      <c r="M156" s="23">
        <f>'[1]年齢別人口市区町村(日本人)'!G185</f>
        <v>653</v>
      </c>
      <c r="N156" s="23">
        <f>'[1]年齢別人口市区町村(外国人)'!G185</f>
        <v>1</v>
      </c>
      <c r="O156" s="24">
        <f>'[1]年齢別人口市区町村(総数)'!G185</f>
        <v>654</v>
      </c>
      <c r="P156" s="23">
        <f>'[1]年齢別人口市区町村(日本人)'!H185</f>
        <v>674</v>
      </c>
      <c r="Q156" s="23">
        <f>'[1]年齢別人口市区町村(外国人)'!H185</f>
        <v>2</v>
      </c>
      <c r="R156" s="24">
        <f>'[1]年齢別人口市区町村(総数)'!H185</f>
        <v>676</v>
      </c>
      <c r="S156" s="23">
        <f>'[1]年齢別人口市区町村(日本人)'!I185</f>
        <v>601</v>
      </c>
      <c r="T156" s="23">
        <f>'[1]年齢別人口市区町村(外国人)'!I185</f>
        <v>10</v>
      </c>
      <c r="U156" s="24">
        <f>'[1]年齢別人口市区町村(総数)'!I185</f>
        <v>611</v>
      </c>
      <c r="V156" s="23">
        <f>'[1]年齢別人口市区町村(日本人)'!J185</f>
        <v>459</v>
      </c>
      <c r="W156" s="23">
        <f>'[1]年齢別人口市区町村(外国人)'!J185</f>
        <v>19</v>
      </c>
      <c r="X156" s="24">
        <f>'[1]年齢別人口市区町村(総数)'!J185</f>
        <v>478</v>
      </c>
      <c r="Y156" s="23">
        <f>'[1]年齢別人口市区町村(日本人)'!K185</f>
        <v>480</v>
      </c>
      <c r="Z156" s="23">
        <f>'[1]年齢別人口市区町村(外国人)'!K185</f>
        <v>13</v>
      </c>
      <c r="AA156" s="24">
        <f>'[1]年齢別人口市区町村(総数)'!K185</f>
        <v>493</v>
      </c>
      <c r="AB156" s="23">
        <f>'[1]年齢別人口市区町村(日本人)'!L185</f>
        <v>633</v>
      </c>
      <c r="AC156" s="23">
        <f>'[1]年齢別人口市区町村(外国人)'!L185</f>
        <v>5</v>
      </c>
      <c r="AD156" s="24">
        <f>'[1]年齢別人口市区町村(総数)'!L185</f>
        <v>638</v>
      </c>
      <c r="AE156" s="23">
        <f>'[1]年齢別人口市区町村(日本人)'!M185</f>
        <v>911</v>
      </c>
      <c r="AF156" s="23">
        <f>'[1]年齢別人口市区町村(外国人)'!M185</f>
        <v>13</v>
      </c>
      <c r="AG156" s="24">
        <f>'[1]年齢別人口市区町村(総数)'!M185</f>
        <v>924</v>
      </c>
      <c r="AH156" s="23">
        <f>'[1]年齢別人口市区町村(日本人)'!N185</f>
        <v>1052</v>
      </c>
      <c r="AI156" s="23">
        <f>'[1]年齢別人口市区町村(外国人)'!N185</f>
        <v>18</v>
      </c>
      <c r="AJ156" s="24">
        <f>'[1]年齢別人口市区町村(総数)'!N185</f>
        <v>1070</v>
      </c>
      <c r="AK156" s="23">
        <f>'[1]年齢別人口市区町村(日本人)'!O185</f>
        <v>1299</v>
      </c>
      <c r="AL156" s="23">
        <f>'[1]年齢別人口市区町村(外国人)'!O185</f>
        <v>16</v>
      </c>
      <c r="AM156" s="24">
        <f>'[1]年齢別人口市区町村(総数)'!O185</f>
        <v>1315</v>
      </c>
      <c r="AN156" s="23">
        <f>'[1]年齢別人口市区町村(日本人)'!P185</f>
        <v>1183</v>
      </c>
      <c r="AO156" s="23">
        <f>'[1]年齢別人口市区町村(外国人)'!P185</f>
        <v>9</v>
      </c>
      <c r="AP156" s="24">
        <f>'[1]年齢別人口市区町村(総数)'!P185</f>
        <v>1192</v>
      </c>
      <c r="AQ156" s="23">
        <f>'[1]年齢別人口市区町村(日本人)'!Q185</f>
        <v>1034</v>
      </c>
      <c r="AR156" s="23">
        <f>'[1]年齢別人口市区町村(外国人)'!Q185</f>
        <v>9</v>
      </c>
      <c r="AS156" s="24">
        <f>'[1]年齢別人口市区町村(総数)'!Q185</f>
        <v>1043</v>
      </c>
      <c r="AT156" s="23">
        <f>'[1]年齢別人口市区町村(日本人)'!R185</f>
        <v>1011</v>
      </c>
      <c r="AU156" s="23">
        <f>'[1]年齢別人口市区町村(外国人)'!R185</f>
        <v>5</v>
      </c>
      <c r="AV156" s="24">
        <f>'[1]年齢別人口市区町村(総数)'!R185</f>
        <v>1016</v>
      </c>
      <c r="AW156" s="23">
        <f>'[1]年齢別人口市区町村(日本人)'!S185</f>
        <v>1131</v>
      </c>
      <c r="AX156" s="23">
        <f>'[1]年齢別人口市区町村(外国人)'!S185</f>
        <v>2</v>
      </c>
      <c r="AY156" s="24">
        <f>'[1]年齢別人口市区町村(総数)'!S185</f>
        <v>1133</v>
      </c>
      <c r="AZ156" s="23">
        <f>'[1]年齢別人口市区町村(日本人)'!T185</f>
        <v>1509</v>
      </c>
      <c r="BA156" s="23">
        <f>'[1]年齢別人口市区町村(外国人)'!T185</f>
        <v>3</v>
      </c>
      <c r="BB156" s="24">
        <f>'[1]年齢別人口市区町村(総数)'!T185</f>
        <v>1512</v>
      </c>
      <c r="BC156" s="23">
        <f>'[1]年齢別人口市区町村(日本人)'!U185</f>
        <v>1133</v>
      </c>
      <c r="BD156" s="23">
        <f>'[1]年齢別人口市区町村(外国人)'!U185</f>
        <v>2</v>
      </c>
      <c r="BE156" s="24">
        <f>'[1]年齢別人口市区町村(総数)'!U185</f>
        <v>1135</v>
      </c>
      <c r="BF156" s="23">
        <f>'[1]年齢別人口市区町村(日本人)'!V185</f>
        <v>761</v>
      </c>
      <c r="BG156" s="23">
        <f>'[1]年齢別人口市区町村(外国人)'!V185</f>
        <v>1</v>
      </c>
      <c r="BH156" s="24">
        <f>'[1]年齢別人口市区町村(総数)'!V185</f>
        <v>762</v>
      </c>
      <c r="BI156" s="23">
        <f>'[1]年齢別人口市区町村(日本人)'!W185</f>
        <v>420</v>
      </c>
      <c r="BJ156" s="23">
        <f>'[1]年齢別人口市区町村(外国人)'!W185</f>
        <v>0</v>
      </c>
      <c r="BK156" s="24">
        <f>'[1]年齢別人口市区町村(総数)'!W185</f>
        <v>420</v>
      </c>
      <c r="BL156" s="23">
        <f>'[1]年齢別人口市区町村(日本人)'!X185</f>
        <v>127</v>
      </c>
      <c r="BM156" s="23">
        <f>'[1]年齢別人口市区町村(外国人)'!X185</f>
        <v>0</v>
      </c>
      <c r="BN156" s="24">
        <f>'[1]年齢別人口市区町村(総数)'!X185</f>
        <v>127</v>
      </c>
      <c r="BO156" s="23">
        <f>'[1]年齢別人口市区町村(日本人)'!Y185</f>
        <v>29</v>
      </c>
      <c r="BP156" s="23">
        <f>'[1]年齢別人口市区町村(外国人)'!Y185</f>
        <v>0</v>
      </c>
      <c r="BQ156" s="61">
        <f>'[1]年齢別人口市区町村(総数)'!Y185</f>
        <v>29</v>
      </c>
    </row>
    <row r="157" spans="1:69" ht="15" thickBot="1" x14ac:dyDescent="0.2">
      <c r="A157" s="29"/>
      <c r="B157" s="25" t="s">
        <v>32</v>
      </c>
      <c r="C157" s="47"/>
      <c r="D157" s="26">
        <f>'[1]年齢別人口市区町村(日本人)'!D183</f>
        <v>31169</v>
      </c>
      <c r="E157" s="27">
        <f>'[1]年齢別人口市区町村(外国人)'!D183</f>
        <v>292</v>
      </c>
      <c r="F157" s="28">
        <f>'[1]年齢別人口市区町村(総数)'!D183</f>
        <v>31461</v>
      </c>
      <c r="G157" s="27">
        <f>'[1]年齢別人口市区町村(日本人)'!E183</f>
        <v>707</v>
      </c>
      <c r="H157" s="27">
        <f>'[1]年齢別人口市区町村(外国人)'!E183</f>
        <v>2</v>
      </c>
      <c r="I157" s="28">
        <f>'[1]年齢別人口市区町村(総数)'!E183</f>
        <v>709</v>
      </c>
      <c r="J157" s="27">
        <f>'[1]年齢別人口市区町村(日本人)'!F183</f>
        <v>1140</v>
      </c>
      <c r="K157" s="27">
        <f>'[1]年齢別人口市区町村(外国人)'!F183</f>
        <v>0</v>
      </c>
      <c r="L157" s="28">
        <f>'[1]年齢別人口市区町村(総数)'!F183</f>
        <v>1140</v>
      </c>
      <c r="M157" s="27">
        <f>'[1]年齢別人口市区町村(日本人)'!G183</f>
        <v>1308</v>
      </c>
      <c r="N157" s="27">
        <f>'[1]年齢別人口市区町村(外国人)'!G183</f>
        <v>3</v>
      </c>
      <c r="O157" s="28">
        <f>'[1]年齢別人口市区町村(総数)'!G183</f>
        <v>1311</v>
      </c>
      <c r="P157" s="27">
        <f>'[1]年齢別人口市区町村(日本人)'!H183</f>
        <v>1407</v>
      </c>
      <c r="Q157" s="27">
        <f>'[1]年齢別人口市区町村(外国人)'!H183</f>
        <v>7</v>
      </c>
      <c r="R157" s="28">
        <f>'[1]年齢別人口市区町村(総数)'!H183</f>
        <v>1414</v>
      </c>
      <c r="S157" s="27">
        <f>'[1]年齢別人口市区町村(日本人)'!I183</f>
        <v>1206</v>
      </c>
      <c r="T157" s="27">
        <f>'[1]年齢別人口市区町村(外国人)'!I183</f>
        <v>21</v>
      </c>
      <c r="U157" s="28">
        <f>'[1]年齢別人口市区町村(総数)'!I183</f>
        <v>1227</v>
      </c>
      <c r="V157" s="27">
        <f>'[1]年齢別人口市区町村(日本人)'!J183</f>
        <v>917</v>
      </c>
      <c r="W157" s="27">
        <f>'[1]年齢別人口市区町村(外国人)'!J183</f>
        <v>40</v>
      </c>
      <c r="X157" s="28">
        <f>'[1]年齢別人口市区町村(総数)'!J183</f>
        <v>957</v>
      </c>
      <c r="Y157" s="27">
        <f>'[1]年齢別人口市区町村(日本人)'!K183</f>
        <v>989</v>
      </c>
      <c r="Z157" s="27">
        <f>'[1]年齢別人口市区町村(外国人)'!K183</f>
        <v>34</v>
      </c>
      <c r="AA157" s="28">
        <f>'[1]年齢別人口市区町村(総数)'!K183</f>
        <v>1023</v>
      </c>
      <c r="AB157" s="27">
        <f>'[1]年齢別人口市区町村(日本人)'!L183</f>
        <v>1235</v>
      </c>
      <c r="AC157" s="27">
        <f>'[1]年齢別人口市区町村(外国人)'!L183</f>
        <v>28</v>
      </c>
      <c r="AD157" s="28">
        <f>'[1]年齢別人口市区町村(総数)'!L183</f>
        <v>1263</v>
      </c>
      <c r="AE157" s="27">
        <f>'[1]年齢別人口市区町村(日本人)'!M183</f>
        <v>1788</v>
      </c>
      <c r="AF157" s="27">
        <f>'[1]年齢別人口市区町村(外国人)'!M183</f>
        <v>29</v>
      </c>
      <c r="AG157" s="28">
        <f>'[1]年齢別人口市区町村(総数)'!M183</f>
        <v>1817</v>
      </c>
      <c r="AH157" s="27">
        <f>'[1]年齢別人口市区町村(日本人)'!N183</f>
        <v>2153</v>
      </c>
      <c r="AI157" s="27">
        <f>'[1]年齢別人口市区町村(外国人)'!N183</f>
        <v>34</v>
      </c>
      <c r="AJ157" s="28">
        <f>'[1]年齢別人口市区町村(総数)'!N183</f>
        <v>2187</v>
      </c>
      <c r="AK157" s="27">
        <f>'[1]年齢別人口市区町村(日本人)'!O183</f>
        <v>2694</v>
      </c>
      <c r="AL157" s="27">
        <f>'[1]年齢別人口市区町村(外国人)'!O183</f>
        <v>31</v>
      </c>
      <c r="AM157" s="28">
        <f>'[1]年齢別人口市区町村(総数)'!O183</f>
        <v>2725</v>
      </c>
      <c r="AN157" s="27">
        <f>'[1]年齢別人口市区町村(日本人)'!P183</f>
        <v>2500</v>
      </c>
      <c r="AO157" s="27">
        <f>'[1]年齢別人口市区町村(外国人)'!P183</f>
        <v>20</v>
      </c>
      <c r="AP157" s="28">
        <f>'[1]年齢別人口市区町村(総数)'!P183</f>
        <v>2520</v>
      </c>
      <c r="AQ157" s="27">
        <f>'[1]年齢別人口市区町村(日本人)'!Q183</f>
        <v>2156</v>
      </c>
      <c r="AR157" s="27">
        <f>'[1]年齢別人口市区町村(外国人)'!Q183</f>
        <v>18</v>
      </c>
      <c r="AS157" s="28">
        <f>'[1]年齢別人口市区町村(総数)'!Q183</f>
        <v>2174</v>
      </c>
      <c r="AT157" s="27">
        <f>'[1]年齢別人口市区町村(日本人)'!R183</f>
        <v>1945</v>
      </c>
      <c r="AU157" s="27">
        <f>'[1]年齢別人口市区町村(外国人)'!R183</f>
        <v>11</v>
      </c>
      <c r="AV157" s="28">
        <f>'[1]年齢別人口市区町村(総数)'!R183</f>
        <v>1956</v>
      </c>
      <c r="AW157" s="27">
        <f>'[1]年齢別人口市区町村(日本人)'!S183</f>
        <v>2146</v>
      </c>
      <c r="AX157" s="27">
        <f>'[1]年齢別人口市区町村(外国人)'!S183</f>
        <v>4</v>
      </c>
      <c r="AY157" s="28">
        <f>'[1]年齢別人口市区町村(総数)'!S183</f>
        <v>2150</v>
      </c>
      <c r="AZ157" s="27">
        <f>'[1]年齢別人口市区町村(日本人)'!T183</f>
        <v>2768</v>
      </c>
      <c r="BA157" s="27">
        <f>'[1]年齢別人口市区町村(外国人)'!T183</f>
        <v>5</v>
      </c>
      <c r="BB157" s="28">
        <f>'[1]年齢別人口市区町村(総数)'!T183</f>
        <v>2773</v>
      </c>
      <c r="BC157" s="27">
        <f>'[1]年齢別人口市区町村(日本人)'!U183</f>
        <v>2042</v>
      </c>
      <c r="BD157" s="27">
        <f>'[1]年齢別人口市区町村(外国人)'!U183</f>
        <v>3</v>
      </c>
      <c r="BE157" s="28">
        <f>'[1]年齢別人口市区町村(総数)'!U183</f>
        <v>2045</v>
      </c>
      <c r="BF157" s="27">
        <f>'[1]年齢別人口市区町村(日本人)'!V183</f>
        <v>1268</v>
      </c>
      <c r="BG157" s="27">
        <f>'[1]年齢別人口市区町村(外国人)'!V183</f>
        <v>2</v>
      </c>
      <c r="BH157" s="28">
        <f>'[1]年齢別人口市区町村(総数)'!V183</f>
        <v>1270</v>
      </c>
      <c r="BI157" s="27">
        <f>'[1]年齢別人口市区町村(日本人)'!W183</f>
        <v>598</v>
      </c>
      <c r="BJ157" s="27">
        <f>'[1]年齢別人口市区町村(外国人)'!W183</f>
        <v>0</v>
      </c>
      <c r="BK157" s="28">
        <f>'[1]年齢別人口市区町村(総数)'!W183</f>
        <v>598</v>
      </c>
      <c r="BL157" s="27">
        <f>'[1]年齢別人口市区町村(日本人)'!X183</f>
        <v>172</v>
      </c>
      <c r="BM157" s="27">
        <f>'[1]年齢別人口市区町村(外国人)'!X183</f>
        <v>0</v>
      </c>
      <c r="BN157" s="28">
        <f>'[1]年齢別人口市区町村(総数)'!X183</f>
        <v>172</v>
      </c>
      <c r="BO157" s="27">
        <f>'[1]年齢別人口市区町村(日本人)'!Y183</f>
        <v>30</v>
      </c>
      <c r="BP157" s="27">
        <f>'[1]年齢別人口市区町村(外国人)'!Y183</f>
        <v>0</v>
      </c>
      <c r="BQ157" s="62">
        <f>'[1]年齢別人口市区町村(総数)'!Y183</f>
        <v>30</v>
      </c>
    </row>
    <row r="158" spans="1:69" x14ac:dyDescent="0.15">
      <c r="A158" s="20"/>
      <c r="B158" s="17" t="s">
        <v>29</v>
      </c>
      <c r="C158" s="45">
        <v>143421</v>
      </c>
      <c r="D158" s="18">
        <f>'[1]年齢別人口市区町村(日本人)'!D187</f>
        <v>12941</v>
      </c>
      <c r="E158" s="19">
        <f>'[1]年齢別人口市区町村(外国人)'!D187</f>
        <v>217</v>
      </c>
      <c r="F158" s="19">
        <f>'[1]年齢別人口市区町村(総数)'!D187</f>
        <v>13158</v>
      </c>
      <c r="G158" s="19">
        <f>'[1]年齢別人口市区町村(日本人)'!E187</f>
        <v>274</v>
      </c>
      <c r="H158" s="19">
        <f>'[1]年齢別人口市区町村(外国人)'!E187</f>
        <v>5</v>
      </c>
      <c r="I158" s="19">
        <f>'[1]年齢別人口市区町村(総数)'!E187</f>
        <v>279</v>
      </c>
      <c r="J158" s="19">
        <f>'[1]年齢別人口市区町村(日本人)'!F187</f>
        <v>455</v>
      </c>
      <c r="K158" s="19">
        <f>'[1]年齢別人口市区町村(外国人)'!F187</f>
        <v>5</v>
      </c>
      <c r="L158" s="19">
        <f>'[1]年齢別人口市区町村(総数)'!F187</f>
        <v>460</v>
      </c>
      <c r="M158" s="19">
        <f>'[1]年齢別人口市区町村(日本人)'!G187</f>
        <v>508</v>
      </c>
      <c r="N158" s="19">
        <f>'[1]年齢別人口市区町村(外国人)'!G187</f>
        <v>5</v>
      </c>
      <c r="O158" s="19">
        <f>'[1]年齢別人口市区町村(総数)'!G187</f>
        <v>513</v>
      </c>
      <c r="P158" s="19">
        <f>'[1]年齢別人口市区町村(日本人)'!H187</f>
        <v>559</v>
      </c>
      <c r="Q158" s="19">
        <f>'[1]年齢別人口市区町村(外国人)'!H187</f>
        <v>11</v>
      </c>
      <c r="R158" s="19">
        <f>'[1]年齢別人口市区町村(総数)'!H187</f>
        <v>570</v>
      </c>
      <c r="S158" s="19">
        <f>'[1]年齢別人口市区町村(日本人)'!I187</f>
        <v>540</v>
      </c>
      <c r="T158" s="19">
        <f>'[1]年齢別人口市区町村(外国人)'!I187</f>
        <v>35</v>
      </c>
      <c r="U158" s="19">
        <f>'[1]年齢別人口市区町村(総数)'!I187</f>
        <v>575</v>
      </c>
      <c r="V158" s="19">
        <f>'[1]年齢別人口市区町村(日本人)'!J187</f>
        <v>455</v>
      </c>
      <c r="W158" s="19">
        <f>'[1]年齢別人口市区町村(外国人)'!J187</f>
        <v>34</v>
      </c>
      <c r="X158" s="19">
        <f>'[1]年齢別人口市区町村(総数)'!J187</f>
        <v>489</v>
      </c>
      <c r="Y158" s="19">
        <f>'[1]年齢別人口市区町村(日本人)'!K187</f>
        <v>438</v>
      </c>
      <c r="Z158" s="19">
        <f>'[1]年齢別人口市区町村(外国人)'!K187</f>
        <v>33</v>
      </c>
      <c r="AA158" s="19">
        <f>'[1]年齢別人口市区町村(総数)'!K187</f>
        <v>471</v>
      </c>
      <c r="AB158" s="19">
        <f>'[1]年齢別人口市区町村(日本人)'!L187</f>
        <v>596</v>
      </c>
      <c r="AC158" s="19">
        <f>'[1]年齢別人口市区町村(外国人)'!L187</f>
        <v>24</v>
      </c>
      <c r="AD158" s="19">
        <f>'[1]年齢別人口市区町村(総数)'!L187</f>
        <v>620</v>
      </c>
      <c r="AE158" s="19">
        <f>'[1]年齢別人口市区町村(日本人)'!M187</f>
        <v>709</v>
      </c>
      <c r="AF158" s="19">
        <f>'[1]年齢別人口市区町村(外国人)'!M187</f>
        <v>19</v>
      </c>
      <c r="AG158" s="19">
        <f>'[1]年齢別人口市区町村(総数)'!M187</f>
        <v>728</v>
      </c>
      <c r="AH158" s="19">
        <f>'[1]年齢別人口市区町村(日本人)'!N187</f>
        <v>889</v>
      </c>
      <c r="AI158" s="19">
        <f>'[1]年齢別人口市区町村(外国人)'!N187</f>
        <v>11</v>
      </c>
      <c r="AJ158" s="19">
        <f>'[1]年齢別人口市区町村(総数)'!N187</f>
        <v>900</v>
      </c>
      <c r="AK158" s="19">
        <f>'[1]年齢別人口市区町村(日本人)'!O187</f>
        <v>1067</v>
      </c>
      <c r="AL158" s="19">
        <f>'[1]年齢別人口市区町村(外国人)'!O187</f>
        <v>11</v>
      </c>
      <c r="AM158" s="19">
        <f>'[1]年齢別人口市区町村(総数)'!O187</f>
        <v>1078</v>
      </c>
      <c r="AN158" s="19">
        <f>'[1]年齢別人口市区町村(日本人)'!P187</f>
        <v>1120</v>
      </c>
      <c r="AO158" s="19">
        <f>'[1]年齢別人口市区町村(外国人)'!P187</f>
        <v>9</v>
      </c>
      <c r="AP158" s="19">
        <f>'[1]年齢別人口市区町村(総数)'!P187</f>
        <v>1129</v>
      </c>
      <c r="AQ158" s="19">
        <f>'[1]年齢別人口市区町村(日本人)'!Q187</f>
        <v>975</v>
      </c>
      <c r="AR158" s="19">
        <f>'[1]年齢別人口市区町村(外国人)'!Q187</f>
        <v>2</v>
      </c>
      <c r="AS158" s="19">
        <f>'[1]年齢別人口市区町村(総数)'!Q187</f>
        <v>977</v>
      </c>
      <c r="AT158" s="19">
        <f>'[1]年齢別人口市区町村(日本人)'!R187</f>
        <v>876</v>
      </c>
      <c r="AU158" s="19">
        <f>'[1]年齢別人口市区町村(外国人)'!R187</f>
        <v>7</v>
      </c>
      <c r="AV158" s="19">
        <f>'[1]年齢別人口市区町村(総数)'!R187</f>
        <v>883</v>
      </c>
      <c r="AW158" s="19">
        <f>'[1]年齢別人口市区町村(日本人)'!S187</f>
        <v>866</v>
      </c>
      <c r="AX158" s="19">
        <f>'[1]年齢別人口市区町村(外国人)'!S187</f>
        <v>3</v>
      </c>
      <c r="AY158" s="19">
        <f>'[1]年齢別人口市区町村(総数)'!S187</f>
        <v>869</v>
      </c>
      <c r="AZ158" s="19">
        <f>'[1]年齢別人口市区町村(日本人)'!T187</f>
        <v>1051</v>
      </c>
      <c r="BA158" s="19">
        <f>'[1]年齢別人口市区町村(外国人)'!T187</f>
        <v>3</v>
      </c>
      <c r="BB158" s="19">
        <f>'[1]年齢別人口市区町村(総数)'!T187</f>
        <v>1054</v>
      </c>
      <c r="BC158" s="19">
        <f>'[1]年齢別人口市区町村(日本人)'!U187</f>
        <v>812</v>
      </c>
      <c r="BD158" s="19">
        <f>'[1]年齢別人口市区町村(外国人)'!U187</f>
        <v>0</v>
      </c>
      <c r="BE158" s="19">
        <f>'[1]年齢別人口市区町村(総数)'!U187</f>
        <v>812</v>
      </c>
      <c r="BF158" s="19">
        <f>'[1]年齢別人口市区町村(日本人)'!V187</f>
        <v>490</v>
      </c>
      <c r="BG158" s="19">
        <f>'[1]年齢別人口市区町村(外国人)'!V187</f>
        <v>0</v>
      </c>
      <c r="BH158" s="19">
        <f>'[1]年齢別人口市区町村(総数)'!V187</f>
        <v>490</v>
      </c>
      <c r="BI158" s="19">
        <f>'[1]年齢別人口市区町村(日本人)'!W187</f>
        <v>209</v>
      </c>
      <c r="BJ158" s="19">
        <f>'[1]年齢別人口市区町村(外国人)'!W187</f>
        <v>0</v>
      </c>
      <c r="BK158" s="19">
        <f>'[1]年齢別人口市区町村(総数)'!W187</f>
        <v>209</v>
      </c>
      <c r="BL158" s="19">
        <f>'[1]年齢別人口市区町村(日本人)'!X187</f>
        <v>51</v>
      </c>
      <c r="BM158" s="19">
        <f>'[1]年齢別人口市区町村(外国人)'!X187</f>
        <v>0</v>
      </c>
      <c r="BN158" s="19">
        <f>'[1]年齢別人口市区町村(総数)'!X187</f>
        <v>51</v>
      </c>
      <c r="BO158" s="19">
        <f>'[1]年齢別人口市区町村(日本人)'!Y187</f>
        <v>1</v>
      </c>
      <c r="BP158" s="19">
        <f>'[1]年齢別人口市区町村(外国人)'!Y187</f>
        <v>0</v>
      </c>
      <c r="BQ158" s="60">
        <f>'[1]年齢別人口市区町村(総数)'!Y187</f>
        <v>1</v>
      </c>
    </row>
    <row r="159" spans="1:69" x14ac:dyDescent="0.15">
      <c r="A159" s="20" t="s">
        <v>81</v>
      </c>
      <c r="B159" s="21" t="s">
        <v>31</v>
      </c>
      <c r="C159" s="46"/>
      <c r="D159" s="22">
        <f>'[1]年齢別人口市区町村(日本人)'!D188</f>
        <v>13851</v>
      </c>
      <c r="E159" s="23">
        <f>'[1]年齢別人口市区町村(外国人)'!D188</f>
        <v>163</v>
      </c>
      <c r="F159" s="24">
        <f>'[1]年齢別人口市区町村(総数)'!D188</f>
        <v>14014</v>
      </c>
      <c r="G159" s="23">
        <f>'[1]年齢別人口市区町村(日本人)'!E188</f>
        <v>281</v>
      </c>
      <c r="H159" s="23">
        <f>'[1]年齢別人口市区町村(外国人)'!E188</f>
        <v>4</v>
      </c>
      <c r="I159" s="24">
        <f>'[1]年齢別人口市区町村(総数)'!E188</f>
        <v>285</v>
      </c>
      <c r="J159" s="23">
        <f>'[1]年齢別人口市区町村(日本人)'!F188</f>
        <v>423</v>
      </c>
      <c r="K159" s="23">
        <f>'[1]年齢別人口市区町村(外国人)'!F188</f>
        <v>5</v>
      </c>
      <c r="L159" s="24">
        <f>'[1]年齢別人口市区町村(総数)'!F188</f>
        <v>428</v>
      </c>
      <c r="M159" s="23">
        <f>'[1]年齢別人口市区町村(日本人)'!G188</f>
        <v>489</v>
      </c>
      <c r="N159" s="23">
        <f>'[1]年齢別人口市区町村(外国人)'!G188</f>
        <v>3</v>
      </c>
      <c r="O159" s="24">
        <f>'[1]年齢別人口市区町村(総数)'!G188</f>
        <v>492</v>
      </c>
      <c r="P159" s="23">
        <f>'[1]年齢別人口市区町村(日本人)'!H188</f>
        <v>539</v>
      </c>
      <c r="Q159" s="23">
        <f>'[1]年齢別人口市区町村(外国人)'!H188</f>
        <v>7</v>
      </c>
      <c r="R159" s="24">
        <f>'[1]年齢別人口市区町村(総数)'!H188</f>
        <v>546</v>
      </c>
      <c r="S159" s="23">
        <f>'[1]年齢別人口市区町村(日本人)'!I188</f>
        <v>529</v>
      </c>
      <c r="T159" s="23">
        <f>'[1]年齢別人口市区町村(外国人)'!I188</f>
        <v>18</v>
      </c>
      <c r="U159" s="24">
        <f>'[1]年齢別人口市区町村(総数)'!I188</f>
        <v>547</v>
      </c>
      <c r="V159" s="23">
        <f>'[1]年齢別人口市区町村(日本人)'!J188</f>
        <v>453</v>
      </c>
      <c r="W159" s="23">
        <f>'[1]年齢別人口市区町村(外国人)'!J188</f>
        <v>26</v>
      </c>
      <c r="X159" s="24">
        <f>'[1]年齢別人口市区町村(総数)'!J188</f>
        <v>479</v>
      </c>
      <c r="Y159" s="23">
        <f>'[1]年齢別人口市区町村(日本人)'!K188</f>
        <v>425</v>
      </c>
      <c r="Z159" s="23">
        <f>'[1]年齢別人口市区町村(外国人)'!K188</f>
        <v>24</v>
      </c>
      <c r="AA159" s="24">
        <f>'[1]年齢別人口市区町村(総数)'!K188</f>
        <v>449</v>
      </c>
      <c r="AB159" s="23">
        <f>'[1]年齢別人口市区町村(日本人)'!L188</f>
        <v>602</v>
      </c>
      <c r="AC159" s="23">
        <f>'[1]年齢別人口市区町村(外国人)'!L188</f>
        <v>15</v>
      </c>
      <c r="AD159" s="24">
        <f>'[1]年齢別人口市区町村(総数)'!L188</f>
        <v>617</v>
      </c>
      <c r="AE159" s="23">
        <f>'[1]年齢別人口市区町村(日本人)'!M188</f>
        <v>710</v>
      </c>
      <c r="AF159" s="23">
        <f>'[1]年齢別人口市区町村(外国人)'!M188</f>
        <v>12</v>
      </c>
      <c r="AG159" s="24">
        <f>'[1]年齢別人口市区町村(総数)'!M188</f>
        <v>722</v>
      </c>
      <c r="AH159" s="23">
        <f>'[1]年齢別人口市区町村(日本人)'!N188</f>
        <v>883</v>
      </c>
      <c r="AI159" s="23">
        <f>'[1]年齢別人口市区町村(外国人)'!N188</f>
        <v>12</v>
      </c>
      <c r="AJ159" s="24">
        <f>'[1]年齢別人口市区町村(総数)'!N188</f>
        <v>895</v>
      </c>
      <c r="AK159" s="23">
        <f>'[1]年齢別人口市区町村(日本人)'!O188</f>
        <v>1053</v>
      </c>
      <c r="AL159" s="23">
        <f>'[1]年齢別人口市区町村(外国人)'!O188</f>
        <v>13</v>
      </c>
      <c r="AM159" s="24">
        <f>'[1]年齢別人口市区町村(総数)'!O188</f>
        <v>1066</v>
      </c>
      <c r="AN159" s="23">
        <f>'[1]年齢別人口市区町村(日本人)'!P188</f>
        <v>1049</v>
      </c>
      <c r="AO159" s="23">
        <f>'[1]年齢別人口市区町村(外国人)'!P188</f>
        <v>7</v>
      </c>
      <c r="AP159" s="24">
        <f>'[1]年齢別人口市区町村(総数)'!P188</f>
        <v>1056</v>
      </c>
      <c r="AQ159" s="23">
        <f>'[1]年齢別人口市区町村(日本人)'!Q188</f>
        <v>983</v>
      </c>
      <c r="AR159" s="23">
        <f>'[1]年齢別人口市区町村(外国人)'!Q188</f>
        <v>6</v>
      </c>
      <c r="AS159" s="24">
        <f>'[1]年齢別人口市区町村(総数)'!Q188</f>
        <v>989</v>
      </c>
      <c r="AT159" s="23">
        <f>'[1]年齢別人口市区町村(日本人)'!R188</f>
        <v>877</v>
      </c>
      <c r="AU159" s="23">
        <f>'[1]年齢別人口市区町村(外国人)'!R188</f>
        <v>3</v>
      </c>
      <c r="AV159" s="24">
        <f>'[1]年齢別人口市区町村(総数)'!R188</f>
        <v>880</v>
      </c>
      <c r="AW159" s="23">
        <f>'[1]年齢別人口市区町村(日本人)'!S188</f>
        <v>958</v>
      </c>
      <c r="AX159" s="23">
        <f>'[1]年齢別人口市区町村(外国人)'!S188</f>
        <v>3</v>
      </c>
      <c r="AY159" s="24">
        <f>'[1]年齢別人口市区町村(総数)'!S188</f>
        <v>961</v>
      </c>
      <c r="AZ159" s="23">
        <f>'[1]年齢別人口市区町村(日本人)'!T188</f>
        <v>1279</v>
      </c>
      <c r="BA159" s="23">
        <f>'[1]年齢別人口市区町村(外国人)'!T188</f>
        <v>2</v>
      </c>
      <c r="BB159" s="24">
        <f>'[1]年齢別人口市区町村(総数)'!T188</f>
        <v>1281</v>
      </c>
      <c r="BC159" s="23">
        <f>'[1]年齢別人口市区町村(日本人)'!U188</f>
        <v>1017</v>
      </c>
      <c r="BD159" s="23">
        <f>'[1]年齢別人口市区町村(外国人)'!U188</f>
        <v>2</v>
      </c>
      <c r="BE159" s="24">
        <f>'[1]年齢別人口市区町村(総数)'!U188</f>
        <v>1019</v>
      </c>
      <c r="BF159" s="23">
        <f>'[1]年齢別人口市区町村(日本人)'!V188</f>
        <v>748</v>
      </c>
      <c r="BG159" s="23">
        <f>'[1]年齢別人口市区町村(外国人)'!V188</f>
        <v>0</v>
      </c>
      <c r="BH159" s="24">
        <f>'[1]年齢別人口市区町村(総数)'!V188</f>
        <v>748</v>
      </c>
      <c r="BI159" s="23">
        <f>'[1]年齢別人口市区町村(日本人)'!W188</f>
        <v>412</v>
      </c>
      <c r="BJ159" s="23">
        <f>'[1]年齢別人口市区町村(外国人)'!W188</f>
        <v>1</v>
      </c>
      <c r="BK159" s="24">
        <f>'[1]年齢別人口市区町村(総数)'!W188</f>
        <v>413</v>
      </c>
      <c r="BL159" s="23">
        <f>'[1]年齢別人口市区町村(日本人)'!X188</f>
        <v>117</v>
      </c>
      <c r="BM159" s="23">
        <f>'[1]年齢別人口市区町村(外国人)'!X188</f>
        <v>0</v>
      </c>
      <c r="BN159" s="24">
        <f>'[1]年齢別人口市区町村(総数)'!X188</f>
        <v>117</v>
      </c>
      <c r="BO159" s="23">
        <f>'[1]年齢別人口市区町村(日本人)'!Y188</f>
        <v>24</v>
      </c>
      <c r="BP159" s="23">
        <f>'[1]年齢別人口市区町村(外国人)'!Y188</f>
        <v>0</v>
      </c>
      <c r="BQ159" s="61">
        <f>'[1]年齢別人口市区町村(総数)'!Y188</f>
        <v>24</v>
      </c>
    </row>
    <row r="160" spans="1:69" ht="15" thickBot="1" x14ac:dyDescent="0.2">
      <c r="A160" s="29"/>
      <c r="B160" s="25" t="s">
        <v>32</v>
      </c>
      <c r="C160" s="47"/>
      <c r="D160" s="26">
        <f>'[1]年齢別人口市区町村(日本人)'!D186</f>
        <v>26792</v>
      </c>
      <c r="E160" s="27">
        <f>'[1]年齢別人口市区町村(外国人)'!D186</f>
        <v>380</v>
      </c>
      <c r="F160" s="28">
        <f>'[1]年齢別人口市区町村(総数)'!D186</f>
        <v>27172</v>
      </c>
      <c r="G160" s="27">
        <f>'[1]年齢別人口市区町村(日本人)'!E186</f>
        <v>555</v>
      </c>
      <c r="H160" s="27">
        <f>'[1]年齢別人口市区町村(外国人)'!E186</f>
        <v>9</v>
      </c>
      <c r="I160" s="28">
        <f>'[1]年齢別人口市区町村(総数)'!E186</f>
        <v>564</v>
      </c>
      <c r="J160" s="27">
        <f>'[1]年齢別人口市区町村(日本人)'!F186</f>
        <v>878</v>
      </c>
      <c r="K160" s="27">
        <f>'[1]年齢別人口市区町村(外国人)'!F186</f>
        <v>10</v>
      </c>
      <c r="L160" s="28">
        <f>'[1]年齢別人口市区町村(総数)'!F186</f>
        <v>888</v>
      </c>
      <c r="M160" s="27">
        <f>'[1]年齢別人口市区町村(日本人)'!G186</f>
        <v>997</v>
      </c>
      <c r="N160" s="27">
        <f>'[1]年齢別人口市区町村(外国人)'!G186</f>
        <v>8</v>
      </c>
      <c r="O160" s="28">
        <f>'[1]年齢別人口市区町村(総数)'!G186</f>
        <v>1005</v>
      </c>
      <c r="P160" s="27">
        <f>'[1]年齢別人口市区町村(日本人)'!H186</f>
        <v>1098</v>
      </c>
      <c r="Q160" s="27">
        <f>'[1]年齢別人口市区町村(外国人)'!H186</f>
        <v>18</v>
      </c>
      <c r="R160" s="28">
        <f>'[1]年齢別人口市区町村(総数)'!H186</f>
        <v>1116</v>
      </c>
      <c r="S160" s="27">
        <f>'[1]年齢別人口市区町村(日本人)'!I186</f>
        <v>1069</v>
      </c>
      <c r="T160" s="27">
        <f>'[1]年齢別人口市区町村(外国人)'!I186</f>
        <v>53</v>
      </c>
      <c r="U160" s="28">
        <f>'[1]年齢別人口市区町村(総数)'!I186</f>
        <v>1122</v>
      </c>
      <c r="V160" s="27">
        <f>'[1]年齢別人口市区町村(日本人)'!J186</f>
        <v>908</v>
      </c>
      <c r="W160" s="27">
        <f>'[1]年齢別人口市区町村(外国人)'!J186</f>
        <v>60</v>
      </c>
      <c r="X160" s="28">
        <f>'[1]年齢別人口市区町村(総数)'!J186</f>
        <v>968</v>
      </c>
      <c r="Y160" s="27">
        <f>'[1]年齢別人口市区町村(日本人)'!K186</f>
        <v>863</v>
      </c>
      <c r="Z160" s="27">
        <f>'[1]年齢別人口市区町村(外国人)'!K186</f>
        <v>57</v>
      </c>
      <c r="AA160" s="28">
        <f>'[1]年齢別人口市区町村(総数)'!K186</f>
        <v>920</v>
      </c>
      <c r="AB160" s="27">
        <f>'[1]年齢別人口市区町村(日本人)'!L186</f>
        <v>1198</v>
      </c>
      <c r="AC160" s="27">
        <f>'[1]年齢別人口市区町村(外国人)'!L186</f>
        <v>39</v>
      </c>
      <c r="AD160" s="28">
        <f>'[1]年齢別人口市区町村(総数)'!L186</f>
        <v>1237</v>
      </c>
      <c r="AE160" s="27">
        <f>'[1]年齢別人口市区町村(日本人)'!M186</f>
        <v>1419</v>
      </c>
      <c r="AF160" s="27">
        <f>'[1]年齢別人口市区町村(外国人)'!M186</f>
        <v>31</v>
      </c>
      <c r="AG160" s="28">
        <f>'[1]年齢別人口市区町村(総数)'!M186</f>
        <v>1450</v>
      </c>
      <c r="AH160" s="27">
        <f>'[1]年齢別人口市区町村(日本人)'!N186</f>
        <v>1772</v>
      </c>
      <c r="AI160" s="27">
        <f>'[1]年齢別人口市区町村(外国人)'!N186</f>
        <v>23</v>
      </c>
      <c r="AJ160" s="28">
        <f>'[1]年齢別人口市区町村(総数)'!N186</f>
        <v>1795</v>
      </c>
      <c r="AK160" s="27">
        <f>'[1]年齢別人口市区町村(日本人)'!O186</f>
        <v>2120</v>
      </c>
      <c r="AL160" s="27">
        <f>'[1]年齢別人口市区町村(外国人)'!O186</f>
        <v>24</v>
      </c>
      <c r="AM160" s="28">
        <f>'[1]年齢別人口市区町村(総数)'!O186</f>
        <v>2144</v>
      </c>
      <c r="AN160" s="27">
        <f>'[1]年齢別人口市区町村(日本人)'!P186</f>
        <v>2169</v>
      </c>
      <c r="AO160" s="27">
        <f>'[1]年齢別人口市区町村(外国人)'!P186</f>
        <v>16</v>
      </c>
      <c r="AP160" s="28">
        <f>'[1]年齢別人口市区町村(総数)'!P186</f>
        <v>2185</v>
      </c>
      <c r="AQ160" s="27">
        <f>'[1]年齢別人口市区町村(日本人)'!Q186</f>
        <v>1958</v>
      </c>
      <c r="AR160" s="27">
        <f>'[1]年齢別人口市区町村(外国人)'!Q186</f>
        <v>8</v>
      </c>
      <c r="AS160" s="28">
        <f>'[1]年齢別人口市区町村(総数)'!Q186</f>
        <v>1966</v>
      </c>
      <c r="AT160" s="27">
        <f>'[1]年齢別人口市区町村(日本人)'!R186</f>
        <v>1753</v>
      </c>
      <c r="AU160" s="27">
        <f>'[1]年齢別人口市区町村(外国人)'!R186</f>
        <v>10</v>
      </c>
      <c r="AV160" s="28">
        <f>'[1]年齢別人口市区町村(総数)'!R186</f>
        <v>1763</v>
      </c>
      <c r="AW160" s="27">
        <f>'[1]年齢別人口市区町村(日本人)'!S186</f>
        <v>1824</v>
      </c>
      <c r="AX160" s="27">
        <f>'[1]年齢別人口市区町村(外国人)'!S186</f>
        <v>6</v>
      </c>
      <c r="AY160" s="28">
        <f>'[1]年齢別人口市区町村(総数)'!S186</f>
        <v>1830</v>
      </c>
      <c r="AZ160" s="27">
        <f>'[1]年齢別人口市区町村(日本人)'!T186</f>
        <v>2330</v>
      </c>
      <c r="BA160" s="27">
        <f>'[1]年齢別人口市区町村(外国人)'!T186</f>
        <v>5</v>
      </c>
      <c r="BB160" s="28">
        <f>'[1]年齢別人口市区町村(総数)'!T186</f>
        <v>2335</v>
      </c>
      <c r="BC160" s="27">
        <f>'[1]年齢別人口市区町村(日本人)'!U186</f>
        <v>1829</v>
      </c>
      <c r="BD160" s="27">
        <f>'[1]年齢別人口市区町村(外国人)'!U186</f>
        <v>2</v>
      </c>
      <c r="BE160" s="28">
        <f>'[1]年齢別人口市区町村(総数)'!U186</f>
        <v>1831</v>
      </c>
      <c r="BF160" s="27">
        <f>'[1]年齢別人口市区町村(日本人)'!V186</f>
        <v>1238</v>
      </c>
      <c r="BG160" s="27">
        <f>'[1]年齢別人口市区町村(外国人)'!V186</f>
        <v>0</v>
      </c>
      <c r="BH160" s="28">
        <f>'[1]年齢別人口市区町村(総数)'!V186</f>
        <v>1238</v>
      </c>
      <c r="BI160" s="27">
        <f>'[1]年齢別人口市区町村(日本人)'!W186</f>
        <v>621</v>
      </c>
      <c r="BJ160" s="27">
        <f>'[1]年齢別人口市区町村(外国人)'!W186</f>
        <v>1</v>
      </c>
      <c r="BK160" s="28">
        <f>'[1]年齢別人口市区町村(総数)'!W186</f>
        <v>622</v>
      </c>
      <c r="BL160" s="27">
        <f>'[1]年齢別人口市区町村(日本人)'!X186</f>
        <v>168</v>
      </c>
      <c r="BM160" s="27">
        <f>'[1]年齢別人口市区町村(外国人)'!X186</f>
        <v>0</v>
      </c>
      <c r="BN160" s="28">
        <f>'[1]年齢別人口市区町村(総数)'!X186</f>
        <v>168</v>
      </c>
      <c r="BO160" s="27">
        <f>'[1]年齢別人口市区町村(日本人)'!Y186</f>
        <v>25</v>
      </c>
      <c r="BP160" s="27">
        <f>'[1]年齢別人口市区町村(外国人)'!Y186</f>
        <v>0</v>
      </c>
      <c r="BQ160" s="62">
        <f>'[1]年齢別人口市区町村(総数)'!Y186</f>
        <v>25</v>
      </c>
    </row>
    <row r="161" spans="1:69" x14ac:dyDescent="0.15">
      <c r="A161" s="20"/>
      <c r="B161" s="17" t="s">
        <v>29</v>
      </c>
      <c r="C161" s="45">
        <v>143618</v>
      </c>
      <c r="D161" s="18">
        <f>'[1]年齢別人口市区町村(日本人)'!D194</f>
        <v>4181</v>
      </c>
      <c r="E161" s="19">
        <f>'[1]年齢別人口市区町村(外国人)'!D194</f>
        <v>261</v>
      </c>
      <c r="F161" s="19">
        <f>'[1]年齢別人口市区町村(総数)'!D194</f>
        <v>4442</v>
      </c>
      <c r="G161" s="19">
        <f>'[1]年齢別人口市区町村(日本人)'!E194</f>
        <v>85</v>
      </c>
      <c r="H161" s="19">
        <f>'[1]年齢別人口市区町村(外国人)'!E194</f>
        <v>5</v>
      </c>
      <c r="I161" s="19">
        <f>'[1]年齢別人口市区町村(総数)'!E194</f>
        <v>90</v>
      </c>
      <c r="J161" s="19">
        <f>'[1]年齢別人口市区町村(日本人)'!F194</f>
        <v>111</v>
      </c>
      <c r="K161" s="19">
        <f>'[1]年齢別人口市区町村(外国人)'!F194</f>
        <v>9</v>
      </c>
      <c r="L161" s="19">
        <f>'[1]年齢別人口市区町村(総数)'!F194</f>
        <v>120</v>
      </c>
      <c r="M161" s="19">
        <f>'[1]年齢別人口市区町村(日本人)'!G194</f>
        <v>132</v>
      </c>
      <c r="N161" s="19">
        <f>'[1]年齢別人口市区町村(外国人)'!G194</f>
        <v>9</v>
      </c>
      <c r="O161" s="19">
        <f>'[1]年齢別人口市区町村(総数)'!G194</f>
        <v>141</v>
      </c>
      <c r="P161" s="19">
        <f>'[1]年齢別人口市区町村(日本人)'!H194</f>
        <v>176</v>
      </c>
      <c r="Q161" s="19">
        <f>'[1]年齢別人口市区町村(外国人)'!H194</f>
        <v>12</v>
      </c>
      <c r="R161" s="19">
        <f>'[1]年齢別人口市区町村(総数)'!H194</f>
        <v>188</v>
      </c>
      <c r="S161" s="19">
        <f>'[1]年齢別人口市区町村(日本人)'!I194</f>
        <v>186</v>
      </c>
      <c r="T161" s="19">
        <f>'[1]年齢別人口市区町村(外国人)'!I194</f>
        <v>49</v>
      </c>
      <c r="U161" s="19">
        <f>'[1]年齢別人口市区町村(総数)'!I194</f>
        <v>235</v>
      </c>
      <c r="V161" s="19">
        <f>'[1]年齢別人口市区町村(日本人)'!J194</f>
        <v>185</v>
      </c>
      <c r="W161" s="19">
        <f>'[1]年齢別人口市区町村(外国人)'!J194</f>
        <v>46</v>
      </c>
      <c r="X161" s="19">
        <f>'[1]年齢別人口市区町村(総数)'!J194</f>
        <v>231</v>
      </c>
      <c r="Y161" s="19">
        <f>'[1]年齢別人口市区町村(日本人)'!K194</f>
        <v>120</v>
      </c>
      <c r="Z161" s="19">
        <f>'[1]年齢別人口市区町村(外国人)'!K194</f>
        <v>35</v>
      </c>
      <c r="AA161" s="19">
        <f>'[1]年齢別人口市区町村(総数)'!K194</f>
        <v>155</v>
      </c>
      <c r="AB161" s="19">
        <f>'[1]年齢別人口市区町村(日本人)'!L194</f>
        <v>164</v>
      </c>
      <c r="AC161" s="19">
        <f>'[1]年齢別人口市区町村(外国人)'!L194</f>
        <v>29</v>
      </c>
      <c r="AD161" s="19">
        <f>'[1]年齢別人口市区町村(総数)'!L194</f>
        <v>193</v>
      </c>
      <c r="AE161" s="19">
        <f>'[1]年齢別人口市区町村(日本人)'!M194</f>
        <v>225</v>
      </c>
      <c r="AF161" s="19">
        <f>'[1]年齢別人口市区町村(外国人)'!M194</f>
        <v>12</v>
      </c>
      <c r="AG161" s="19">
        <f>'[1]年齢別人口市区町村(総数)'!M194</f>
        <v>237</v>
      </c>
      <c r="AH161" s="19">
        <f>'[1]年齢別人口市区町村(日本人)'!N194</f>
        <v>339</v>
      </c>
      <c r="AI161" s="19">
        <f>'[1]年齢別人口市区町村(外国人)'!N194</f>
        <v>15</v>
      </c>
      <c r="AJ161" s="19">
        <f>'[1]年齢別人口市区町村(総数)'!N194</f>
        <v>354</v>
      </c>
      <c r="AK161" s="19">
        <f>'[1]年齢別人口市区町村(日本人)'!O194</f>
        <v>375</v>
      </c>
      <c r="AL161" s="19">
        <f>'[1]年齢別人口市区町村(外国人)'!O194</f>
        <v>18</v>
      </c>
      <c r="AM161" s="19">
        <f>'[1]年齢別人口市区町村(総数)'!O194</f>
        <v>393</v>
      </c>
      <c r="AN161" s="19">
        <f>'[1]年齢別人口市区町村(日本人)'!P194</f>
        <v>341</v>
      </c>
      <c r="AO161" s="19">
        <f>'[1]年齢別人口市区町村(外国人)'!P194</f>
        <v>7</v>
      </c>
      <c r="AP161" s="19">
        <f>'[1]年齢別人口市区町村(総数)'!P194</f>
        <v>348</v>
      </c>
      <c r="AQ161" s="19">
        <f>'[1]年齢別人口市区町村(日本人)'!Q194</f>
        <v>262</v>
      </c>
      <c r="AR161" s="19">
        <f>'[1]年齢別人口市区町村(外国人)'!Q194</f>
        <v>9</v>
      </c>
      <c r="AS161" s="19">
        <f>'[1]年齢別人口市区町村(総数)'!Q194</f>
        <v>271</v>
      </c>
      <c r="AT161" s="19">
        <f>'[1]年齢別人口市区町村(日本人)'!R194</f>
        <v>288</v>
      </c>
      <c r="AU161" s="19">
        <f>'[1]年齢別人口市区町村(外国人)'!R194</f>
        <v>4</v>
      </c>
      <c r="AV161" s="19">
        <f>'[1]年齢別人口市区町村(総数)'!R194</f>
        <v>292</v>
      </c>
      <c r="AW161" s="19">
        <f>'[1]年齢別人口市区町村(日本人)'!S194</f>
        <v>333</v>
      </c>
      <c r="AX161" s="19">
        <f>'[1]年齢別人口市区町村(外国人)'!S194</f>
        <v>1</v>
      </c>
      <c r="AY161" s="19">
        <f>'[1]年齢別人口市区町村(総数)'!S194</f>
        <v>334</v>
      </c>
      <c r="AZ161" s="19">
        <f>'[1]年齢別人口市区町村(日本人)'!T194</f>
        <v>397</v>
      </c>
      <c r="BA161" s="19">
        <f>'[1]年齢別人口市区町村(外国人)'!T194</f>
        <v>1</v>
      </c>
      <c r="BB161" s="19">
        <f>'[1]年齢別人口市区町村(総数)'!T194</f>
        <v>398</v>
      </c>
      <c r="BC161" s="19">
        <f>'[1]年齢別人口市区町村(日本人)'!U194</f>
        <v>264</v>
      </c>
      <c r="BD161" s="19">
        <f>'[1]年齢別人口市区町村(外国人)'!U194</f>
        <v>0</v>
      </c>
      <c r="BE161" s="19">
        <f>'[1]年齢別人口市区町村(総数)'!U194</f>
        <v>264</v>
      </c>
      <c r="BF161" s="19">
        <f>'[1]年齢別人口市区町村(日本人)'!V194</f>
        <v>144</v>
      </c>
      <c r="BG161" s="19">
        <f>'[1]年齢別人口市区町村(外国人)'!V194</f>
        <v>0</v>
      </c>
      <c r="BH161" s="19">
        <f>'[1]年齢別人口市区町村(総数)'!V194</f>
        <v>144</v>
      </c>
      <c r="BI161" s="19">
        <f>'[1]年齢別人口市区町村(日本人)'!W194</f>
        <v>41</v>
      </c>
      <c r="BJ161" s="19">
        <f>'[1]年齢別人口市区町村(外国人)'!W194</f>
        <v>0</v>
      </c>
      <c r="BK161" s="19">
        <f>'[1]年齢別人口市区町村(総数)'!W194</f>
        <v>41</v>
      </c>
      <c r="BL161" s="19">
        <f>'[1]年齢別人口市区町村(日本人)'!X194</f>
        <v>12</v>
      </c>
      <c r="BM161" s="19">
        <f>'[1]年齢別人口市区町村(外国人)'!X194</f>
        <v>0</v>
      </c>
      <c r="BN161" s="19">
        <f>'[1]年齢別人口市区町村(総数)'!X194</f>
        <v>12</v>
      </c>
      <c r="BO161" s="19">
        <f>'[1]年齢別人口市区町村(日本人)'!Y194</f>
        <v>1</v>
      </c>
      <c r="BP161" s="19">
        <f>'[1]年齢別人口市区町村(外国人)'!Y194</f>
        <v>0</v>
      </c>
      <c r="BQ161" s="60">
        <f>'[1]年齢別人口市区町村(総数)'!Y194</f>
        <v>1</v>
      </c>
    </row>
    <row r="162" spans="1:69" x14ac:dyDescent="0.15">
      <c r="A162" s="20" t="s">
        <v>82</v>
      </c>
      <c r="B162" s="21" t="s">
        <v>31</v>
      </c>
      <c r="C162" s="46"/>
      <c r="D162" s="22">
        <f>'[1]年齢別人口市区町村(日本人)'!D195</f>
        <v>4152</v>
      </c>
      <c r="E162" s="23">
        <f>'[1]年齢別人口市区町村(外国人)'!D195</f>
        <v>209</v>
      </c>
      <c r="F162" s="24">
        <f>'[1]年齢別人口市区町村(総数)'!D195</f>
        <v>4361</v>
      </c>
      <c r="G162" s="23">
        <f>'[1]年齢別人口市区町村(日本人)'!E195</f>
        <v>70</v>
      </c>
      <c r="H162" s="23">
        <f>'[1]年齢別人口市区町村(外国人)'!E195</f>
        <v>11</v>
      </c>
      <c r="I162" s="24">
        <f>'[1]年齢別人口市区町村(総数)'!E195</f>
        <v>81</v>
      </c>
      <c r="J162" s="23">
        <f>'[1]年齢別人口市区町村(日本人)'!F195</f>
        <v>103</v>
      </c>
      <c r="K162" s="23">
        <f>'[1]年齢別人口市区町村(外国人)'!F195</f>
        <v>9</v>
      </c>
      <c r="L162" s="24">
        <f>'[1]年齢別人口市区町村(総数)'!F195</f>
        <v>112</v>
      </c>
      <c r="M162" s="23">
        <f>'[1]年齢別人口市区町村(日本人)'!G195</f>
        <v>132</v>
      </c>
      <c r="N162" s="23">
        <f>'[1]年齢別人口市区町村(外国人)'!G195</f>
        <v>8</v>
      </c>
      <c r="O162" s="24">
        <f>'[1]年齢別人口市区町村(総数)'!G195</f>
        <v>140</v>
      </c>
      <c r="P162" s="23">
        <f>'[1]年齢別人口市区町村(日本人)'!H195</f>
        <v>198</v>
      </c>
      <c r="Q162" s="23">
        <f>'[1]年齢別人口市区町村(外国人)'!H195</f>
        <v>10</v>
      </c>
      <c r="R162" s="24">
        <f>'[1]年齢別人口市区町村(総数)'!H195</f>
        <v>208</v>
      </c>
      <c r="S162" s="23">
        <f>'[1]年齢別人口市区町村(日本人)'!I195</f>
        <v>170</v>
      </c>
      <c r="T162" s="23">
        <f>'[1]年齢別人口市区町村(外国人)'!I195</f>
        <v>22</v>
      </c>
      <c r="U162" s="24">
        <f>'[1]年齢別人口市区町村(総数)'!I195</f>
        <v>192</v>
      </c>
      <c r="V162" s="23">
        <f>'[1]年齢別人口市区町村(日本人)'!J195</f>
        <v>118</v>
      </c>
      <c r="W162" s="23">
        <f>'[1]年齢別人口市区町村(外国人)'!J195</f>
        <v>30</v>
      </c>
      <c r="X162" s="24">
        <f>'[1]年齢別人口市区町村(総数)'!J195</f>
        <v>148</v>
      </c>
      <c r="Y162" s="23">
        <f>'[1]年齢別人口市区町村(日本人)'!K195</f>
        <v>106</v>
      </c>
      <c r="Z162" s="23">
        <f>'[1]年齢別人口市区町村(外国人)'!K195</f>
        <v>16</v>
      </c>
      <c r="AA162" s="24">
        <f>'[1]年齢別人口市区町村(総数)'!K195</f>
        <v>122</v>
      </c>
      <c r="AB162" s="23">
        <f>'[1]年齢別人口市区町村(日本人)'!L195</f>
        <v>156</v>
      </c>
      <c r="AC162" s="23">
        <f>'[1]年齢別人口市区町村(外国人)'!L195</f>
        <v>20</v>
      </c>
      <c r="AD162" s="24">
        <f>'[1]年齢別人口市区町村(総数)'!L195</f>
        <v>176</v>
      </c>
      <c r="AE162" s="23">
        <f>'[1]年齢別人口市区町村(日本人)'!M195</f>
        <v>194</v>
      </c>
      <c r="AF162" s="23">
        <f>'[1]年齢別人口市区町村(外国人)'!M195</f>
        <v>10</v>
      </c>
      <c r="AG162" s="24">
        <f>'[1]年齢別人口市区町村(総数)'!M195</f>
        <v>204</v>
      </c>
      <c r="AH162" s="23">
        <f>'[1]年齢別人口市区町村(日本人)'!N195</f>
        <v>264</v>
      </c>
      <c r="AI162" s="23">
        <f>'[1]年齢別人口市区町村(外国人)'!N195</f>
        <v>24</v>
      </c>
      <c r="AJ162" s="24">
        <f>'[1]年齢別人口市区町村(総数)'!N195</f>
        <v>288</v>
      </c>
      <c r="AK162" s="23">
        <f>'[1]年齢別人口市区町村(日本人)'!O195</f>
        <v>359</v>
      </c>
      <c r="AL162" s="23">
        <f>'[1]年齢別人口市区町村(外国人)'!O195</f>
        <v>16</v>
      </c>
      <c r="AM162" s="24">
        <f>'[1]年齢別人口市区町村(総数)'!O195</f>
        <v>375</v>
      </c>
      <c r="AN162" s="23">
        <f>'[1]年齢別人口市区町村(日本人)'!P195</f>
        <v>282</v>
      </c>
      <c r="AO162" s="23">
        <f>'[1]年齢別人口市区町村(外国人)'!P195</f>
        <v>12</v>
      </c>
      <c r="AP162" s="24">
        <f>'[1]年齢別人口市区町村(総数)'!P195</f>
        <v>294</v>
      </c>
      <c r="AQ162" s="23">
        <f>'[1]年齢別人口市区町村(日本人)'!Q195</f>
        <v>261</v>
      </c>
      <c r="AR162" s="23">
        <f>'[1]年齢別人口市区町村(外国人)'!Q195</f>
        <v>12</v>
      </c>
      <c r="AS162" s="24">
        <f>'[1]年齢別人口市区町村(総数)'!Q195</f>
        <v>273</v>
      </c>
      <c r="AT162" s="23">
        <f>'[1]年齢別人口市区町村(日本人)'!R195</f>
        <v>267</v>
      </c>
      <c r="AU162" s="23">
        <f>'[1]年齢別人口市区町村(外国人)'!R195</f>
        <v>6</v>
      </c>
      <c r="AV162" s="24">
        <f>'[1]年齢別人口市区町村(総数)'!R195</f>
        <v>273</v>
      </c>
      <c r="AW162" s="23">
        <f>'[1]年齢別人口市区町村(日本人)'!S195</f>
        <v>397</v>
      </c>
      <c r="AX162" s="23">
        <f>'[1]年齢別人口市区町村(外国人)'!S195</f>
        <v>1</v>
      </c>
      <c r="AY162" s="24">
        <f>'[1]年齢別人口市区町村(総数)'!S195</f>
        <v>398</v>
      </c>
      <c r="AZ162" s="23">
        <f>'[1]年齢別人口市区町村(日本人)'!T195</f>
        <v>460</v>
      </c>
      <c r="BA162" s="23">
        <f>'[1]年齢別人口市区町村(外国人)'!T195</f>
        <v>2</v>
      </c>
      <c r="BB162" s="24">
        <f>'[1]年齢別人口市区町村(総数)'!T195</f>
        <v>462</v>
      </c>
      <c r="BC162" s="23">
        <f>'[1]年齢別人口市区町村(日本人)'!U195</f>
        <v>310</v>
      </c>
      <c r="BD162" s="23">
        <f>'[1]年齢別人口市区町村(外国人)'!U195</f>
        <v>0</v>
      </c>
      <c r="BE162" s="24">
        <f>'[1]年齢別人口市区町村(総数)'!U195</f>
        <v>310</v>
      </c>
      <c r="BF162" s="23">
        <f>'[1]年齢別人口市区町村(日本人)'!V195</f>
        <v>192</v>
      </c>
      <c r="BG162" s="23">
        <f>'[1]年齢別人口市区町村(外国人)'!V195</f>
        <v>0</v>
      </c>
      <c r="BH162" s="24">
        <f>'[1]年齢別人口市区町村(総数)'!V195</f>
        <v>192</v>
      </c>
      <c r="BI162" s="23">
        <f>'[1]年齢別人口市区町村(日本人)'!W195</f>
        <v>71</v>
      </c>
      <c r="BJ162" s="23">
        <f>'[1]年齢別人口市区町村(外国人)'!W195</f>
        <v>0</v>
      </c>
      <c r="BK162" s="24">
        <f>'[1]年齢別人口市区町村(総数)'!W195</f>
        <v>71</v>
      </c>
      <c r="BL162" s="23">
        <f>'[1]年齢別人口市区町村(日本人)'!X195</f>
        <v>34</v>
      </c>
      <c r="BM162" s="23">
        <f>'[1]年齢別人口市区町村(外国人)'!X195</f>
        <v>0</v>
      </c>
      <c r="BN162" s="24">
        <f>'[1]年齢別人口市区町村(総数)'!X195</f>
        <v>34</v>
      </c>
      <c r="BO162" s="23">
        <f>'[1]年齢別人口市区町村(日本人)'!Y195</f>
        <v>8</v>
      </c>
      <c r="BP162" s="23">
        <f>'[1]年齢別人口市区町村(外国人)'!Y195</f>
        <v>0</v>
      </c>
      <c r="BQ162" s="61">
        <f>'[1]年齢別人口市区町村(総数)'!Y195</f>
        <v>8</v>
      </c>
    </row>
    <row r="163" spans="1:69" ht="15" thickBot="1" x14ac:dyDescent="0.2">
      <c r="A163" s="29"/>
      <c r="B163" s="25" t="s">
        <v>32</v>
      </c>
      <c r="C163" s="47"/>
      <c r="D163" s="26">
        <f>'[1]年齢別人口市区町村(日本人)'!D193</f>
        <v>8333</v>
      </c>
      <c r="E163" s="27">
        <f>'[1]年齢別人口市区町村(外国人)'!D193</f>
        <v>470</v>
      </c>
      <c r="F163" s="28">
        <f>'[1]年齢別人口市区町村(総数)'!D193</f>
        <v>8803</v>
      </c>
      <c r="G163" s="27">
        <f>'[1]年齢別人口市区町村(日本人)'!E193</f>
        <v>155</v>
      </c>
      <c r="H163" s="27">
        <f>'[1]年齢別人口市区町村(外国人)'!E193</f>
        <v>16</v>
      </c>
      <c r="I163" s="28">
        <f>'[1]年齢別人口市区町村(総数)'!E193</f>
        <v>171</v>
      </c>
      <c r="J163" s="27">
        <f>'[1]年齢別人口市区町村(日本人)'!F193</f>
        <v>214</v>
      </c>
      <c r="K163" s="27">
        <f>'[1]年齢別人口市区町村(外国人)'!F193</f>
        <v>18</v>
      </c>
      <c r="L163" s="28">
        <f>'[1]年齢別人口市区町村(総数)'!F193</f>
        <v>232</v>
      </c>
      <c r="M163" s="27">
        <f>'[1]年齢別人口市区町村(日本人)'!G193</f>
        <v>264</v>
      </c>
      <c r="N163" s="27">
        <f>'[1]年齢別人口市区町村(外国人)'!G193</f>
        <v>17</v>
      </c>
      <c r="O163" s="28">
        <f>'[1]年齢別人口市区町村(総数)'!G193</f>
        <v>281</v>
      </c>
      <c r="P163" s="27">
        <f>'[1]年齢別人口市区町村(日本人)'!H193</f>
        <v>374</v>
      </c>
      <c r="Q163" s="27">
        <f>'[1]年齢別人口市区町村(外国人)'!H193</f>
        <v>22</v>
      </c>
      <c r="R163" s="28">
        <f>'[1]年齢別人口市区町村(総数)'!H193</f>
        <v>396</v>
      </c>
      <c r="S163" s="27">
        <f>'[1]年齢別人口市区町村(日本人)'!I193</f>
        <v>356</v>
      </c>
      <c r="T163" s="27">
        <f>'[1]年齢別人口市区町村(外国人)'!I193</f>
        <v>71</v>
      </c>
      <c r="U163" s="28">
        <f>'[1]年齢別人口市区町村(総数)'!I193</f>
        <v>427</v>
      </c>
      <c r="V163" s="27">
        <f>'[1]年齢別人口市区町村(日本人)'!J193</f>
        <v>303</v>
      </c>
      <c r="W163" s="27">
        <f>'[1]年齢別人口市区町村(外国人)'!J193</f>
        <v>76</v>
      </c>
      <c r="X163" s="28">
        <f>'[1]年齢別人口市区町村(総数)'!J193</f>
        <v>379</v>
      </c>
      <c r="Y163" s="27">
        <f>'[1]年齢別人口市区町村(日本人)'!K193</f>
        <v>226</v>
      </c>
      <c r="Z163" s="27">
        <f>'[1]年齢別人口市区町村(外国人)'!K193</f>
        <v>51</v>
      </c>
      <c r="AA163" s="28">
        <f>'[1]年齢別人口市区町村(総数)'!K193</f>
        <v>277</v>
      </c>
      <c r="AB163" s="27">
        <f>'[1]年齢別人口市区町村(日本人)'!L193</f>
        <v>320</v>
      </c>
      <c r="AC163" s="27">
        <f>'[1]年齢別人口市区町村(外国人)'!L193</f>
        <v>49</v>
      </c>
      <c r="AD163" s="28">
        <f>'[1]年齢別人口市区町村(総数)'!L193</f>
        <v>369</v>
      </c>
      <c r="AE163" s="27">
        <f>'[1]年齢別人口市区町村(日本人)'!M193</f>
        <v>419</v>
      </c>
      <c r="AF163" s="27">
        <f>'[1]年齢別人口市区町村(外国人)'!M193</f>
        <v>22</v>
      </c>
      <c r="AG163" s="28">
        <f>'[1]年齢別人口市区町村(総数)'!M193</f>
        <v>441</v>
      </c>
      <c r="AH163" s="27">
        <f>'[1]年齢別人口市区町村(日本人)'!N193</f>
        <v>603</v>
      </c>
      <c r="AI163" s="27">
        <f>'[1]年齢別人口市区町村(外国人)'!N193</f>
        <v>39</v>
      </c>
      <c r="AJ163" s="28">
        <f>'[1]年齢別人口市区町村(総数)'!N193</f>
        <v>642</v>
      </c>
      <c r="AK163" s="27">
        <f>'[1]年齢別人口市区町村(日本人)'!O193</f>
        <v>734</v>
      </c>
      <c r="AL163" s="27">
        <f>'[1]年齢別人口市区町村(外国人)'!O193</f>
        <v>34</v>
      </c>
      <c r="AM163" s="28">
        <f>'[1]年齢別人口市区町村(総数)'!O193</f>
        <v>768</v>
      </c>
      <c r="AN163" s="27">
        <f>'[1]年齢別人口市区町村(日本人)'!P193</f>
        <v>623</v>
      </c>
      <c r="AO163" s="27">
        <f>'[1]年齢別人口市区町村(外国人)'!P193</f>
        <v>19</v>
      </c>
      <c r="AP163" s="28">
        <f>'[1]年齢別人口市区町村(総数)'!P193</f>
        <v>642</v>
      </c>
      <c r="AQ163" s="27">
        <f>'[1]年齢別人口市区町村(日本人)'!Q193</f>
        <v>523</v>
      </c>
      <c r="AR163" s="27">
        <f>'[1]年齢別人口市区町村(外国人)'!Q193</f>
        <v>21</v>
      </c>
      <c r="AS163" s="28">
        <f>'[1]年齢別人口市区町村(総数)'!Q193</f>
        <v>544</v>
      </c>
      <c r="AT163" s="27">
        <f>'[1]年齢別人口市区町村(日本人)'!R193</f>
        <v>555</v>
      </c>
      <c r="AU163" s="27">
        <f>'[1]年齢別人口市区町村(外国人)'!R193</f>
        <v>10</v>
      </c>
      <c r="AV163" s="28">
        <f>'[1]年齢別人口市区町村(総数)'!R193</f>
        <v>565</v>
      </c>
      <c r="AW163" s="27">
        <f>'[1]年齢別人口市区町村(日本人)'!S193</f>
        <v>730</v>
      </c>
      <c r="AX163" s="27">
        <f>'[1]年齢別人口市区町村(外国人)'!S193</f>
        <v>2</v>
      </c>
      <c r="AY163" s="28">
        <f>'[1]年齢別人口市区町村(総数)'!S193</f>
        <v>732</v>
      </c>
      <c r="AZ163" s="27">
        <f>'[1]年齢別人口市区町村(日本人)'!T193</f>
        <v>857</v>
      </c>
      <c r="BA163" s="27">
        <f>'[1]年齢別人口市区町村(外国人)'!T193</f>
        <v>3</v>
      </c>
      <c r="BB163" s="28">
        <f>'[1]年齢別人口市区町村(総数)'!T193</f>
        <v>860</v>
      </c>
      <c r="BC163" s="27">
        <f>'[1]年齢別人口市区町村(日本人)'!U193</f>
        <v>574</v>
      </c>
      <c r="BD163" s="27">
        <f>'[1]年齢別人口市区町村(外国人)'!U193</f>
        <v>0</v>
      </c>
      <c r="BE163" s="28">
        <f>'[1]年齢別人口市区町村(総数)'!U193</f>
        <v>574</v>
      </c>
      <c r="BF163" s="27">
        <f>'[1]年齢別人口市区町村(日本人)'!V193</f>
        <v>336</v>
      </c>
      <c r="BG163" s="27">
        <f>'[1]年齢別人口市区町村(外国人)'!V193</f>
        <v>0</v>
      </c>
      <c r="BH163" s="28">
        <f>'[1]年齢別人口市区町村(総数)'!V193</f>
        <v>336</v>
      </c>
      <c r="BI163" s="27">
        <f>'[1]年齢別人口市区町村(日本人)'!W193</f>
        <v>112</v>
      </c>
      <c r="BJ163" s="27">
        <f>'[1]年齢別人口市区町村(外国人)'!W193</f>
        <v>0</v>
      </c>
      <c r="BK163" s="28">
        <f>'[1]年齢別人口市区町村(総数)'!W193</f>
        <v>112</v>
      </c>
      <c r="BL163" s="27">
        <f>'[1]年齢別人口市区町村(日本人)'!X193</f>
        <v>46</v>
      </c>
      <c r="BM163" s="27">
        <f>'[1]年齢別人口市区町村(外国人)'!X193</f>
        <v>0</v>
      </c>
      <c r="BN163" s="28">
        <f>'[1]年齢別人口市区町村(総数)'!X193</f>
        <v>46</v>
      </c>
      <c r="BO163" s="27">
        <f>'[1]年齢別人口市区町村(日本人)'!Y193</f>
        <v>9</v>
      </c>
      <c r="BP163" s="27">
        <f>'[1]年齢別人口市区町村(外国人)'!Y193</f>
        <v>0</v>
      </c>
      <c r="BQ163" s="62">
        <f>'[1]年齢別人口市区町村(総数)'!Y193</f>
        <v>9</v>
      </c>
    </row>
    <row r="164" spans="1:69" x14ac:dyDescent="0.15">
      <c r="A164" s="20"/>
      <c r="B164" s="17" t="s">
        <v>29</v>
      </c>
      <c r="C164" s="45">
        <v>143626</v>
      </c>
      <c r="D164" s="18">
        <f>'[1]年齢別人口市区町村(日本人)'!D197</f>
        <v>8388</v>
      </c>
      <c r="E164" s="19">
        <f>'[1]年齢別人口市区町村(外国人)'!D197</f>
        <v>107</v>
      </c>
      <c r="F164" s="19">
        <f>'[1]年齢別人口市区町村(総数)'!D197</f>
        <v>8495</v>
      </c>
      <c r="G164" s="19">
        <f>'[1]年齢別人口市区町村(日本人)'!E197</f>
        <v>256</v>
      </c>
      <c r="H164" s="19">
        <f>'[1]年齢別人口市区町村(外国人)'!E197</f>
        <v>2</v>
      </c>
      <c r="I164" s="19">
        <f>'[1]年齢別人口市区町村(総数)'!E197</f>
        <v>258</v>
      </c>
      <c r="J164" s="19">
        <f>'[1]年齢別人口市区町村(日本人)'!F197</f>
        <v>337</v>
      </c>
      <c r="K164" s="19">
        <f>'[1]年齢別人口市区町村(外国人)'!F197</f>
        <v>3</v>
      </c>
      <c r="L164" s="19">
        <f>'[1]年齢別人口市区町村(総数)'!F197</f>
        <v>340</v>
      </c>
      <c r="M164" s="19">
        <f>'[1]年齢別人口市区町村(日本人)'!G197</f>
        <v>322</v>
      </c>
      <c r="N164" s="19">
        <f>'[1]年齢別人口市区町村(外国人)'!G197</f>
        <v>2</v>
      </c>
      <c r="O164" s="19">
        <f>'[1]年齢別人口市区町村(総数)'!G197</f>
        <v>324</v>
      </c>
      <c r="P164" s="19">
        <f>'[1]年齢別人口市区町村(日本人)'!H197</f>
        <v>416</v>
      </c>
      <c r="Q164" s="19">
        <f>'[1]年齢別人口市区町村(外国人)'!H197</f>
        <v>4</v>
      </c>
      <c r="R164" s="19">
        <f>'[1]年齢別人口市区町村(総数)'!H197</f>
        <v>420</v>
      </c>
      <c r="S164" s="19">
        <f>'[1]年齢別人口市区町村(日本人)'!I197</f>
        <v>415</v>
      </c>
      <c r="T164" s="19">
        <f>'[1]年齢別人口市区町村(外国人)'!I197</f>
        <v>12</v>
      </c>
      <c r="U164" s="19">
        <f>'[1]年齢別人口市区町村(総数)'!I197</f>
        <v>427</v>
      </c>
      <c r="V164" s="19">
        <f>'[1]年齢別人口市区町村(日本人)'!J197</f>
        <v>427</v>
      </c>
      <c r="W164" s="19">
        <f>'[1]年齢別人口市区町村(外国人)'!J197</f>
        <v>22</v>
      </c>
      <c r="X164" s="19">
        <f>'[1]年齢別人口市区町村(総数)'!J197</f>
        <v>449</v>
      </c>
      <c r="Y164" s="19">
        <f>'[1]年齢別人口市区町村(日本人)'!K197</f>
        <v>396</v>
      </c>
      <c r="Z164" s="19">
        <f>'[1]年齢別人口市区町村(外国人)'!K197</f>
        <v>21</v>
      </c>
      <c r="AA164" s="19">
        <f>'[1]年齢別人口市区町村(総数)'!K197</f>
        <v>417</v>
      </c>
      <c r="AB164" s="19">
        <f>'[1]年齢別人口市区町村(日本人)'!L197</f>
        <v>422</v>
      </c>
      <c r="AC164" s="19">
        <f>'[1]年齢別人口市区町村(外国人)'!L197</f>
        <v>14</v>
      </c>
      <c r="AD164" s="19">
        <f>'[1]年齢別人口市区町村(総数)'!L197</f>
        <v>436</v>
      </c>
      <c r="AE164" s="19">
        <f>'[1]年齢別人口市区町村(日本人)'!M197</f>
        <v>483</v>
      </c>
      <c r="AF164" s="19">
        <f>'[1]年齢別人口市区町村(外国人)'!M197</f>
        <v>10</v>
      </c>
      <c r="AG164" s="19">
        <f>'[1]年齢別人口市区町村(総数)'!M197</f>
        <v>493</v>
      </c>
      <c r="AH164" s="19">
        <f>'[1]年齢別人口市区町村(日本人)'!N197</f>
        <v>635</v>
      </c>
      <c r="AI164" s="19">
        <f>'[1]年齢別人口市区町村(外国人)'!N197</f>
        <v>6</v>
      </c>
      <c r="AJ164" s="19">
        <f>'[1]年齢別人口市区町村(総数)'!N197</f>
        <v>641</v>
      </c>
      <c r="AK164" s="19">
        <f>'[1]年齢別人口市区町村(日本人)'!O197</f>
        <v>803</v>
      </c>
      <c r="AL164" s="19">
        <f>'[1]年齢別人口市区町村(外国人)'!O197</f>
        <v>3</v>
      </c>
      <c r="AM164" s="19">
        <f>'[1]年齢別人口市区町村(総数)'!O197</f>
        <v>806</v>
      </c>
      <c r="AN164" s="19">
        <f>'[1]年齢別人口市区町村(日本人)'!P197</f>
        <v>693</v>
      </c>
      <c r="AO164" s="19">
        <f>'[1]年齢別人口市区町村(外国人)'!P197</f>
        <v>2</v>
      </c>
      <c r="AP164" s="19">
        <f>'[1]年齢別人口市区町村(総数)'!P197</f>
        <v>695</v>
      </c>
      <c r="AQ164" s="19">
        <f>'[1]年齢別人口市区町村(日本人)'!Q197</f>
        <v>559</v>
      </c>
      <c r="AR164" s="19">
        <f>'[1]年齢別人口市区町村(外国人)'!Q197</f>
        <v>2</v>
      </c>
      <c r="AS164" s="19">
        <f>'[1]年齢別人口市区町村(総数)'!Q197</f>
        <v>561</v>
      </c>
      <c r="AT164" s="19">
        <f>'[1]年齢別人口市区町村(日本人)'!R197</f>
        <v>475</v>
      </c>
      <c r="AU164" s="19">
        <f>'[1]年齢別人口市区町村(外国人)'!R197</f>
        <v>2</v>
      </c>
      <c r="AV164" s="19">
        <f>'[1]年齢別人口市区町村(総数)'!R197</f>
        <v>477</v>
      </c>
      <c r="AW164" s="19">
        <f>'[1]年齢別人口市区町村(日本人)'!S197</f>
        <v>503</v>
      </c>
      <c r="AX164" s="19">
        <f>'[1]年齢別人口市区町村(外国人)'!S197</f>
        <v>1</v>
      </c>
      <c r="AY164" s="19">
        <f>'[1]年齢別人口市区町村(総数)'!S197</f>
        <v>504</v>
      </c>
      <c r="AZ164" s="19">
        <f>'[1]年齢別人口市区町村(日本人)'!T197</f>
        <v>566</v>
      </c>
      <c r="BA164" s="19">
        <f>'[1]年齢別人口市区町村(外国人)'!T197</f>
        <v>0</v>
      </c>
      <c r="BB164" s="19">
        <f>'[1]年齢別人口市区町村(総数)'!T197</f>
        <v>566</v>
      </c>
      <c r="BC164" s="19">
        <f>'[1]年齢別人口市区町村(日本人)'!U197</f>
        <v>387</v>
      </c>
      <c r="BD164" s="19">
        <f>'[1]年齢別人口市区町村(外国人)'!U197</f>
        <v>0</v>
      </c>
      <c r="BE164" s="19">
        <f>'[1]年齢別人口市区町村(総数)'!U197</f>
        <v>387</v>
      </c>
      <c r="BF164" s="19">
        <f>'[1]年齢別人口市区町村(日本人)'!V197</f>
        <v>204</v>
      </c>
      <c r="BG164" s="19">
        <f>'[1]年齢別人口市区町村(外国人)'!V197</f>
        <v>0</v>
      </c>
      <c r="BH164" s="19">
        <f>'[1]年齢別人口市区町村(総数)'!V197</f>
        <v>204</v>
      </c>
      <c r="BI164" s="19">
        <f>'[1]年齢別人口市区町村(日本人)'!W197</f>
        <v>80</v>
      </c>
      <c r="BJ164" s="19">
        <f>'[1]年齢別人口市区町村(外国人)'!W197</f>
        <v>1</v>
      </c>
      <c r="BK164" s="19">
        <f>'[1]年齢別人口市区町村(総数)'!W197</f>
        <v>81</v>
      </c>
      <c r="BL164" s="19">
        <f>'[1]年齢別人口市区町村(日本人)'!X197</f>
        <v>9</v>
      </c>
      <c r="BM164" s="19">
        <f>'[1]年齢別人口市区町村(外国人)'!X197</f>
        <v>0</v>
      </c>
      <c r="BN164" s="19">
        <f>'[1]年齢別人口市区町村(総数)'!X197</f>
        <v>9</v>
      </c>
      <c r="BO164" s="19">
        <f>'[1]年齢別人口市区町村(日本人)'!Y197</f>
        <v>0</v>
      </c>
      <c r="BP164" s="19">
        <f>'[1]年齢別人口市区町村(外国人)'!Y197</f>
        <v>0</v>
      </c>
      <c r="BQ164" s="60">
        <f>'[1]年齢別人口市区町村(総数)'!Y197</f>
        <v>0</v>
      </c>
    </row>
    <row r="165" spans="1:69" x14ac:dyDescent="0.15">
      <c r="A165" s="20" t="s">
        <v>83</v>
      </c>
      <c r="B165" s="21" t="s">
        <v>31</v>
      </c>
      <c r="C165" s="46"/>
      <c r="D165" s="22">
        <f>'[1]年齢別人口市区町村(日本人)'!D198</f>
        <v>8644</v>
      </c>
      <c r="E165" s="23">
        <f>'[1]年齢別人口市区町村(外国人)'!D198</f>
        <v>124</v>
      </c>
      <c r="F165" s="24">
        <f>'[1]年齢別人口市区町村(総数)'!D198</f>
        <v>8768</v>
      </c>
      <c r="G165" s="23">
        <f>'[1]年齢別人口市区町村(日本人)'!E198</f>
        <v>275</v>
      </c>
      <c r="H165" s="23">
        <f>'[1]年齢別人口市区町村(外国人)'!E198</f>
        <v>4</v>
      </c>
      <c r="I165" s="24">
        <f>'[1]年齢別人口市区町村(総数)'!E198</f>
        <v>279</v>
      </c>
      <c r="J165" s="23">
        <f>'[1]年齢別人口市区町村(日本人)'!F198</f>
        <v>311</v>
      </c>
      <c r="K165" s="23">
        <f>'[1]年齢別人口市区町村(外国人)'!F198</f>
        <v>2</v>
      </c>
      <c r="L165" s="24">
        <f>'[1]年齢別人口市区町村(総数)'!F198</f>
        <v>313</v>
      </c>
      <c r="M165" s="23">
        <f>'[1]年齢別人口市区町村(日本人)'!G198</f>
        <v>329</v>
      </c>
      <c r="N165" s="23">
        <f>'[1]年齢別人口市区町村(外国人)'!G198</f>
        <v>4</v>
      </c>
      <c r="O165" s="24">
        <f>'[1]年齢別人口市区町村(総数)'!G198</f>
        <v>333</v>
      </c>
      <c r="P165" s="23">
        <f>'[1]年齢別人口市区町村(日本人)'!H198</f>
        <v>425</v>
      </c>
      <c r="Q165" s="23">
        <f>'[1]年齢別人口市区町村(外国人)'!H198</f>
        <v>2</v>
      </c>
      <c r="R165" s="24">
        <f>'[1]年齢別人口市区町村(総数)'!H198</f>
        <v>427</v>
      </c>
      <c r="S165" s="23">
        <f>'[1]年齢別人口市区町村(日本人)'!I198</f>
        <v>402</v>
      </c>
      <c r="T165" s="23">
        <f>'[1]年齢別人口市区町村(外国人)'!I198</f>
        <v>15</v>
      </c>
      <c r="U165" s="24">
        <f>'[1]年齢別人口市区町村(総数)'!I198</f>
        <v>417</v>
      </c>
      <c r="V165" s="23">
        <f>'[1]年齢別人口市区町村(日本人)'!J198</f>
        <v>382</v>
      </c>
      <c r="W165" s="23">
        <f>'[1]年齢別人口市区町村(外国人)'!J198</f>
        <v>22</v>
      </c>
      <c r="X165" s="24">
        <f>'[1]年齢別人口市区町村(総数)'!J198</f>
        <v>404</v>
      </c>
      <c r="Y165" s="23">
        <f>'[1]年齢別人口市区町村(日本人)'!K198</f>
        <v>353</v>
      </c>
      <c r="Z165" s="23">
        <f>'[1]年齢別人口市区町村(外国人)'!K198</f>
        <v>19</v>
      </c>
      <c r="AA165" s="24">
        <f>'[1]年齢別人口市区町村(総数)'!K198</f>
        <v>372</v>
      </c>
      <c r="AB165" s="23">
        <f>'[1]年齢別人口市区町村(日本人)'!L198</f>
        <v>391</v>
      </c>
      <c r="AC165" s="23">
        <f>'[1]年齢別人口市区町村(外国人)'!L198</f>
        <v>9</v>
      </c>
      <c r="AD165" s="24">
        <f>'[1]年齢別人口市区町村(総数)'!L198</f>
        <v>400</v>
      </c>
      <c r="AE165" s="23">
        <f>'[1]年齢別人口市区町村(日本人)'!M198</f>
        <v>430</v>
      </c>
      <c r="AF165" s="23">
        <f>'[1]年齢別人口市区町村(外国人)'!M198</f>
        <v>14</v>
      </c>
      <c r="AG165" s="24">
        <f>'[1]年齢別人口市区町村(総数)'!M198</f>
        <v>444</v>
      </c>
      <c r="AH165" s="23">
        <f>'[1]年齢別人口市区町村(日本人)'!N198</f>
        <v>588</v>
      </c>
      <c r="AI165" s="23">
        <f>'[1]年齢別人口市区町村(外国人)'!N198</f>
        <v>5</v>
      </c>
      <c r="AJ165" s="24">
        <f>'[1]年齢別人口市区町村(総数)'!N198</f>
        <v>593</v>
      </c>
      <c r="AK165" s="23">
        <f>'[1]年齢別人口市区町村(日本人)'!O198</f>
        <v>772</v>
      </c>
      <c r="AL165" s="23">
        <f>'[1]年齢別人口市区町村(外国人)'!O198</f>
        <v>6</v>
      </c>
      <c r="AM165" s="24">
        <f>'[1]年齢別人口市区町村(総数)'!O198</f>
        <v>778</v>
      </c>
      <c r="AN165" s="23">
        <f>'[1]年齢別人口市区町村(日本人)'!P198</f>
        <v>646</v>
      </c>
      <c r="AO165" s="23">
        <f>'[1]年齢別人口市区町村(外国人)'!P198</f>
        <v>8</v>
      </c>
      <c r="AP165" s="24">
        <f>'[1]年齢別人口市区町村(総数)'!P198</f>
        <v>654</v>
      </c>
      <c r="AQ165" s="23">
        <f>'[1]年齢別人口市区町村(日本人)'!Q198</f>
        <v>553</v>
      </c>
      <c r="AR165" s="23">
        <f>'[1]年齢別人口市区町村(外国人)'!Q198</f>
        <v>7</v>
      </c>
      <c r="AS165" s="24">
        <f>'[1]年齢別人口市区町村(総数)'!Q198</f>
        <v>560</v>
      </c>
      <c r="AT165" s="23">
        <f>'[1]年齢別人口市区町村(日本人)'!R198</f>
        <v>436</v>
      </c>
      <c r="AU165" s="23">
        <f>'[1]年齢別人口市区町村(外国人)'!R198</f>
        <v>1</v>
      </c>
      <c r="AV165" s="24">
        <f>'[1]年齢別人口市区町村(総数)'!R198</f>
        <v>437</v>
      </c>
      <c r="AW165" s="23">
        <f>'[1]年齢別人口市区町村(日本人)'!S198</f>
        <v>570</v>
      </c>
      <c r="AX165" s="23">
        <f>'[1]年齢別人口市区町村(外国人)'!S198</f>
        <v>3</v>
      </c>
      <c r="AY165" s="24">
        <f>'[1]年齢別人口市区町村(総数)'!S198</f>
        <v>573</v>
      </c>
      <c r="AZ165" s="23">
        <f>'[1]年齢別人口市区町村(日本人)'!T198</f>
        <v>708</v>
      </c>
      <c r="BA165" s="23">
        <f>'[1]年齢別人口市区町村(外国人)'!T198</f>
        <v>1</v>
      </c>
      <c r="BB165" s="24">
        <f>'[1]年齢別人口市区町村(総数)'!T198</f>
        <v>709</v>
      </c>
      <c r="BC165" s="23">
        <f>'[1]年齢別人口市区町村(日本人)'!U198</f>
        <v>521</v>
      </c>
      <c r="BD165" s="23">
        <f>'[1]年齢別人口市区町村(外国人)'!U198</f>
        <v>1</v>
      </c>
      <c r="BE165" s="24">
        <f>'[1]年齢別人口市区町村(総数)'!U198</f>
        <v>522</v>
      </c>
      <c r="BF165" s="23">
        <f>'[1]年齢別人口市区町村(日本人)'!V198</f>
        <v>316</v>
      </c>
      <c r="BG165" s="23">
        <f>'[1]年齢別人口市区町村(外国人)'!V198</f>
        <v>0</v>
      </c>
      <c r="BH165" s="24">
        <f>'[1]年齢別人口市区町村(総数)'!V198</f>
        <v>316</v>
      </c>
      <c r="BI165" s="23">
        <f>'[1]年齢別人口市区町村(日本人)'!W198</f>
        <v>175</v>
      </c>
      <c r="BJ165" s="23">
        <f>'[1]年齢別人口市区町村(外国人)'!W198</f>
        <v>0</v>
      </c>
      <c r="BK165" s="24">
        <f>'[1]年齢別人口市区町村(総数)'!W198</f>
        <v>175</v>
      </c>
      <c r="BL165" s="23">
        <f>'[1]年齢別人口市区町村(日本人)'!X198</f>
        <v>53</v>
      </c>
      <c r="BM165" s="23">
        <f>'[1]年齢別人口市区町村(外国人)'!X198</f>
        <v>1</v>
      </c>
      <c r="BN165" s="24">
        <f>'[1]年齢別人口市区町村(総数)'!X198</f>
        <v>54</v>
      </c>
      <c r="BO165" s="23">
        <f>'[1]年齢別人口市区町村(日本人)'!Y198</f>
        <v>8</v>
      </c>
      <c r="BP165" s="23">
        <f>'[1]年齢別人口市区町村(外国人)'!Y198</f>
        <v>0</v>
      </c>
      <c r="BQ165" s="61">
        <f>'[1]年齢別人口市区町村(総数)'!Y198</f>
        <v>8</v>
      </c>
    </row>
    <row r="166" spans="1:69" ht="15" thickBot="1" x14ac:dyDescent="0.2">
      <c r="A166" s="29"/>
      <c r="B166" s="25" t="s">
        <v>32</v>
      </c>
      <c r="C166" s="47"/>
      <c r="D166" s="26">
        <f>'[1]年齢別人口市区町村(日本人)'!D196</f>
        <v>17032</v>
      </c>
      <c r="E166" s="27">
        <f>'[1]年齢別人口市区町村(外国人)'!D196</f>
        <v>231</v>
      </c>
      <c r="F166" s="28">
        <f>'[1]年齢別人口市区町村(総数)'!D196</f>
        <v>17263</v>
      </c>
      <c r="G166" s="27">
        <f>'[1]年齢別人口市区町村(日本人)'!E196</f>
        <v>531</v>
      </c>
      <c r="H166" s="27">
        <f>'[1]年齢別人口市区町村(外国人)'!E196</f>
        <v>6</v>
      </c>
      <c r="I166" s="28">
        <f>'[1]年齢別人口市区町村(総数)'!E196</f>
        <v>537</v>
      </c>
      <c r="J166" s="27">
        <f>'[1]年齢別人口市区町村(日本人)'!F196</f>
        <v>648</v>
      </c>
      <c r="K166" s="27">
        <f>'[1]年齢別人口市区町村(外国人)'!F196</f>
        <v>5</v>
      </c>
      <c r="L166" s="28">
        <f>'[1]年齢別人口市区町村(総数)'!F196</f>
        <v>653</v>
      </c>
      <c r="M166" s="27">
        <f>'[1]年齢別人口市区町村(日本人)'!G196</f>
        <v>651</v>
      </c>
      <c r="N166" s="27">
        <f>'[1]年齢別人口市区町村(外国人)'!G196</f>
        <v>6</v>
      </c>
      <c r="O166" s="28">
        <f>'[1]年齢別人口市区町村(総数)'!G196</f>
        <v>657</v>
      </c>
      <c r="P166" s="27">
        <f>'[1]年齢別人口市区町村(日本人)'!H196</f>
        <v>841</v>
      </c>
      <c r="Q166" s="27">
        <f>'[1]年齢別人口市区町村(外国人)'!H196</f>
        <v>6</v>
      </c>
      <c r="R166" s="28">
        <f>'[1]年齢別人口市区町村(総数)'!H196</f>
        <v>847</v>
      </c>
      <c r="S166" s="27">
        <f>'[1]年齢別人口市区町村(日本人)'!I196</f>
        <v>817</v>
      </c>
      <c r="T166" s="27">
        <f>'[1]年齢別人口市区町村(外国人)'!I196</f>
        <v>27</v>
      </c>
      <c r="U166" s="28">
        <f>'[1]年齢別人口市区町村(総数)'!I196</f>
        <v>844</v>
      </c>
      <c r="V166" s="27">
        <f>'[1]年齢別人口市区町村(日本人)'!J196</f>
        <v>809</v>
      </c>
      <c r="W166" s="27">
        <f>'[1]年齢別人口市区町村(外国人)'!J196</f>
        <v>44</v>
      </c>
      <c r="X166" s="28">
        <f>'[1]年齢別人口市区町村(総数)'!J196</f>
        <v>853</v>
      </c>
      <c r="Y166" s="27">
        <f>'[1]年齢別人口市区町村(日本人)'!K196</f>
        <v>749</v>
      </c>
      <c r="Z166" s="27">
        <f>'[1]年齢別人口市区町村(外国人)'!K196</f>
        <v>40</v>
      </c>
      <c r="AA166" s="28">
        <f>'[1]年齢別人口市区町村(総数)'!K196</f>
        <v>789</v>
      </c>
      <c r="AB166" s="27">
        <f>'[1]年齢別人口市区町村(日本人)'!L196</f>
        <v>813</v>
      </c>
      <c r="AC166" s="27">
        <f>'[1]年齢別人口市区町村(外国人)'!L196</f>
        <v>23</v>
      </c>
      <c r="AD166" s="28">
        <f>'[1]年齢別人口市区町村(総数)'!L196</f>
        <v>836</v>
      </c>
      <c r="AE166" s="27">
        <f>'[1]年齢別人口市区町村(日本人)'!M196</f>
        <v>913</v>
      </c>
      <c r="AF166" s="27">
        <f>'[1]年齢別人口市区町村(外国人)'!M196</f>
        <v>24</v>
      </c>
      <c r="AG166" s="28">
        <f>'[1]年齢別人口市区町村(総数)'!M196</f>
        <v>937</v>
      </c>
      <c r="AH166" s="27">
        <f>'[1]年齢別人口市区町村(日本人)'!N196</f>
        <v>1223</v>
      </c>
      <c r="AI166" s="27">
        <f>'[1]年齢別人口市区町村(外国人)'!N196</f>
        <v>11</v>
      </c>
      <c r="AJ166" s="28">
        <f>'[1]年齢別人口市区町村(総数)'!N196</f>
        <v>1234</v>
      </c>
      <c r="AK166" s="27">
        <f>'[1]年齢別人口市区町村(日本人)'!O196</f>
        <v>1575</v>
      </c>
      <c r="AL166" s="27">
        <f>'[1]年齢別人口市区町村(外国人)'!O196</f>
        <v>9</v>
      </c>
      <c r="AM166" s="28">
        <f>'[1]年齢別人口市区町村(総数)'!O196</f>
        <v>1584</v>
      </c>
      <c r="AN166" s="27">
        <f>'[1]年齢別人口市区町村(日本人)'!P196</f>
        <v>1339</v>
      </c>
      <c r="AO166" s="27">
        <f>'[1]年齢別人口市区町村(外国人)'!P196</f>
        <v>10</v>
      </c>
      <c r="AP166" s="28">
        <f>'[1]年齢別人口市区町村(総数)'!P196</f>
        <v>1349</v>
      </c>
      <c r="AQ166" s="27">
        <f>'[1]年齢別人口市区町村(日本人)'!Q196</f>
        <v>1112</v>
      </c>
      <c r="AR166" s="27">
        <f>'[1]年齢別人口市区町村(外国人)'!Q196</f>
        <v>9</v>
      </c>
      <c r="AS166" s="28">
        <f>'[1]年齢別人口市区町村(総数)'!Q196</f>
        <v>1121</v>
      </c>
      <c r="AT166" s="27">
        <f>'[1]年齢別人口市区町村(日本人)'!R196</f>
        <v>911</v>
      </c>
      <c r="AU166" s="27">
        <f>'[1]年齢別人口市区町村(外国人)'!R196</f>
        <v>3</v>
      </c>
      <c r="AV166" s="28">
        <f>'[1]年齢別人口市区町村(総数)'!R196</f>
        <v>914</v>
      </c>
      <c r="AW166" s="27">
        <f>'[1]年齢別人口市区町村(日本人)'!S196</f>
        <v>1073</v>
      </c>
      <c r="AX166" s="27">
        <f>'[1]年齢別人口市区町村(外国人)'!S196</f>
        <v>4</v>
      </c>
      <c r="AY166" s="28">
        <f>'[1]年齢別人口市区町村(総数)'!S196</f>
        <v>1077</v>
      </c>
      <c r="AZ166" s="27">
        <f>'[1]年齢別人口市区町村(日本人)'!T196</f>
        <v>1274</v>
      </c>
      <c r="BA166" s="27">
        <f>'[1]年齢別人口市区町村(外国人)'!T196</f>
        <v>1</v>
      </c>
      <c r="BB166" s="28">
        <f>'[1]年齢別人口市区町村(総数)'!T196</f>
        <v>1275</v>
      </c>
      <c r="BC166" s="27">
        <f>'[1]年齢別人口市区町村(日本人)'!U196</f>
        <v>908</v>
      </c>
      <c r="BD166" s="27">
        <f>'[1]年齢別人口市区町村(外国人)'!U196</f>
        <v>1</v>
      </c>
      <c r="BE166" s="28">
        <f>'[1]年齢別人口市区町村(総数)'!U196</f>
        <v>909</v>
      </c>
      <c r="BF166" s="27">
        <f>'[1]年齢別人口市区町村(日本人)'!V196</f>
        <v>520</v>
      </c>
      <c r="BG166" s="27">
        <f>'[1]年齢別人口市区町村(外国人)'!V196</f>
        <v>0</v>
      </c>
      <c r="BH166" s="28">
        <f>'[1]年齢別人口市区町村(総数)'!V196</f>
        <v>520</v>
      </c>
      <c r="BI166" s="27">
        <f>'[1]年齢別人口市区町村(日本人)'!W196</f>
        <v>255</v>
      </c>
      <c r="BJ166" s="27">
        <f>'[1]年齢別人口市区町村(外国人)'!W196</f>
        <v>1</v>
      </c>
      <c r="BK166" s="28">
        <f>'[1]年齢別人口市区町村(総数)'!W196</f>
        <v>256</v>
      </c>
      <c r="BL166" s="27">
        <f>'[1]年齢別人口市区町村(日本人)'!X196</f>
        <v>62</v>
      </c>
      <c r="BM166" s="27">
        <f>'[1]年齢別人口市区町村(外国人)'!X196</f>
        <v>1</v>
      </c>
      <c r="BN166" s="28">
        <f>'[1]年齢別人口市区町村(総数)'!X196</f>
        <v>63</v>
      </c>
      <c r="BO166" s="27">
        <f>'[1]年齢別人口市区町村(日本人)'!Y196</f>
        <v>8</v>
      </c>
      <c r="BP166" s="27">
        <f>'[1]年齢別人口市区町村(外国人)'!Y196</f>
        <v>0</v>
      </c>
      <c r="BQ166" s="62">
        <f>'[1]年齢別人口市区町村(総数)'!Y196</f>
        <v>8</v>
      </c>
    </row>
    <row r="167" spans="1:69" x14ac:dyDescent="0.15">
      <c r="A167" s="16"/>
      <c r="B167" s="17" t="s">
        <v>29</v>
      </c>
      <c r="C167" s="45">
        <v>143634</v>
      </c>
      <c r="D167" s="18">
        <f>'[1]年齢別人口市区町村(日本人)'!D200</f>
        <v>5040</v>
      </c>
      <c r="E167" s="19">
        <f>'[1]年齢別人口市区町村(外国人)'!D200</f>
        <v>77</v>
      </c>
      <c r="F167" s="19">
        <f>'[1]年齢別人口市区町村(総数)'!D200</f>
        <v>5117</v>
      </c>
      <c r="G167" s="19">
        <f>'[1]年齢別人口市区町村(日本人)'!E200</f>
        <v>117</v>
      </c>
      <c r="H167" s="19">
        <f>'[1]年齢別人口市区町村(外国人)'!E200</f>
        <v>4</v>
      </c>
      <c r="I167" s="19">
        <f>'[1]年齢別人口市区町村(総数)'!E200</f>
        <v>121</v>
      </c>
      <c r="J167" s="19">
        <f>'[1]年齢別人口市区町村(日本人)'!F200</f>
        <v>183</v>
      </c>
      <c r="K167" s="19">
        <f>'[1]年齢別人口市区町村(外国人)'!F200</f>
        <v>1</v>
      </c>
      <c r="L167" s="19">
        <f>'[1]年齢別人口市区町村(総数)'!F200</f>
        <v>184</v>
      </c>
      <c r="M167" s="19">
        <f>'[1]年齢別人口市区町村(日本人)'!G200</f>
        <v>181</v>
      </c>
      <c r="N167" s="19">
        <f>'[1]年齢別人口市区町村(外国人)'!G200</f>
        <v>0</v>
      </c>
      <c r="O167" s="19">
        <f>'[1]年齢別人口市区町村(総数)'!G200</f>
        <v>181</v>
      </c>
      <c r="P167" s="19">
        <f>'[1]年齢別人口市区町村(日本人)'!H200</f>
        <v>185</v>
      </c>
      <c r="Q167" s="19">
        <f>'[1]年齢別人口市区町村(外国人)'!H200</f>
        <v>1</v>
      </c>
      <c r="R167" s="19">
        <f>'[1]年齢別人口市区町村(総数)'!H200</f>
        <v>186</v>
      </c>
      <c r="S167" s="19">
        <f>'[1]年齢別人口市区町村(日本人)'!I200</f>
        <v>216</v>
      </c>
      <c r="T167" s="19">
        <f>'[1]年齢別人口市区町村(外国人)'!I200</f>
        <v>8</v>
      </c>
      <c r="U167" s="19">
        <f>'[1]年齢別人口市区町村(総数)'!I200</f>
        <v>224</v>
      </c>
      <c r="V167" s="19">
        <f>'[1]年齢別人口市区町村(日本人)'!J200</f>
        <v>208</v>
      </c>
      <c r="W167" s="19">
        <f>'[1]年齢別人口市区町村(外国人)'!J200</f>
        <v>21</v>
      </c>
      <c r="X167" s="19">
        <f>'[1]年齢別人口市区町村(総数)'!J200</f>
        <v>229</v>
      </c>
      <c r="Y167" s="19">
        <f>'[1]年齢別人口市区町村(日本人)'!K200</f>
        <v>220</v>
      </c>
      <c r="Z167" s="19">
        <f>'[1]年齢別人口市区町村(外国人)'!K200</f>
        <v>12</v>
      </c>
      <c r="AA167" s="19">
        <f>'[1]年齢別人口市区町村(総数)'!K200</f>
        <v>232</v>
      </c>
      <c r="AB167" s="19">
        <f>'[1]年齢別人口市区町村(日本人)'!L200</f>
        <v>259</v>
      </c>
      <c r="AC167" s="19">
        <f>'[1]年齢別人口市区町村(外国人)'!L200</f>
        <v>9</v>
      </c>
      <c r="AD167" s="19">
        <f>'[1]年齢別人口市区町村(総数)'!L200</f>
        <v>268</v>
      </c>
      <c r="AE167" s="19">
        <f>'[1]年齢別人口市区町村(日本人)'!M200</f>
        <v>271</v>
      </c>
      <c r="AF167" s="19">
        <f>'[1]年齢別人口市区町村(外国人)'!M200</f>
        <v>4</v>
      </c>
      <c r="AG167" s="19">
        <f>'[1]年齢別人口市区町村(総数)'!M200</f>
        <v>275</v>
      </c>
      <c r="AH167" s="19">
        <f>'[1]年齢別人口市区町村(日本人)'!N200</f>
        <v>339</v>
      </c>
      <c r="AI167" s="19">
        <f>'[1]年齢別人口市区町村(外国人)'!N200</f>
        <v>5</v>
      </c>
      <c r="AJ167" s="19">
        <f>'[1]年齢別人口市区町村(総数)'!N200</f>
        <v>344</v>
      </c>
      <c r="AK167" s="19">
        <f>'[1]年齢別人口市区町村(日本人)'!O200</f>
        <v>412</v>
      </c>
      <c r="AL167" s="19">
        <f>'[1]年齢別人口市区町村(外国人)'!O200</f>
        <v>3</v>
      </c>
      <c r="AM167" s="19">
        <f>'[1]年齢別人口市区町村(総数)'!O200</f>
        <v>415</v>
      </c>
      <c r="AN167" s="19">
        <f>'[1]年齢別人口市区町村(日本人)'!P200</f>
        <v>410</v>
      </c>
      <c r="AO167" s="19">
        <f>'[1]年齢別人口市区町村(外国人)'!P200</f>
        <v>7</v>
      </c>
      <c r="AP167" s="19">
        <f>'[1]年齢別人口市区町村(総数)'!P200</f>
        <v>417</v>
      </c>
      <c r="AQ167" s="19">
        <f>'[1]年齢別人口市区町村(日本人)'!Q200</f>
        <v>405</v>
      </c>
      <c r="AR167" s="19">
        <f>'[1]年齢別人口市区町村(外国人)'!Q200</f>
        <v>1</v>
      </c>
      <c r="AS167" s="19">
        <f>'[1]年齢別人口市区町村(総数)'!Q200</f>
        <v>406</v>
      </c>
      <c r="AT167" s="19">
        <f>'[1]年齢別人口市区町村(日本人)'!R200</f>
        <v>328</v>
      </c>
      <c r="AU167" s="19">
        <f>'[1]年齢別人口市区町村(外国人)'!R200</f>
        <v>0</v>
      </c>
      <c r="AV167" s="19">
        <f>'[1]年齢別人口市区町村(総数)'!R200</f>
        <v>328</v>
      </c>
      <c r="AW167" s="19">
        <f>'[1]年齢別人口市区町村(日本人)'!S200</f>
        <v>394</v>
      </c>
      <c r="AX167" s="19">
        <f>'[1]年齢別人口市区町村(外国人)'!S200</f>
        <v>0</v>
      </c>
      <c r="AY167" s="19">
        <f>'[1]年齢別人口市区町村(総数)'!S200</f>
        <v>394</v>
      </c>
      <c r="AZ167" s="19">
        <f>'[1]年齢別人口市区町村(日本人)'!T200</f>
        <v>399</v>
      </c>
      <c r="BA167" s="19">
        <f>'[1]年齢別人口市区町村(外国人)'!T200</f>
        <v>1</v>
      </c>
      <c r="BB167" s="19">
        <f>'[1]年齢別人口市区町村(総数)'!T200</f>
        <v>400</v>
      </c>
      <c r="BC167" s="19">
        <f>'[1]年齢別人口市区町村(日本人)'!U200</f>
        <v>270</v>
      </c>
      <c r="BD167" s="19">
        <f>'[1]年齢別人口市区町村(外国人)'!U200</f>
        <v>0</v>
      </c>
      <c r="BE167" s="19">
        <f>'[1]年齢別人口市区町村(総数)'!U200</f>
        <v>270</v>
      </c>
      <c r="BF167" s="19">
        <f>'[1]年齢別人口市区町村(日本人)'!V200</f>
        <v>173</v>
      </c>
      <c r="BG167" s="19">
        <f>'[1]年齢別人口市区町村(外国人)'!V200</f>
        <v>0</v>
      </c>
      <c r="BH167" s="19">
        <f>'[1]年齢別人口市区町村(総数)'!V200</f>
        <v>173</v>
      </c>
      <c r="BI167" s="19">
        <f>'[1]年齢別人口市区町村(日本人)'!W200</f>
        <v>58</v>
      </c>
      <c r="BJ167" s="19">
        <f>'[1]年齢別人口市区町村(外国人)'!W200</f>
        <v>0</v>
      </c>
      <c r="BK167" s="19">
        <f>'[1]年齢別人口市区町村(総数)'!W200</f>
        <v>58</v>
      </c>
      <c r="BL167" s="19">
        <f>'[1]年齢別人口市区町村(日本人)'!X200</f>
        <v>11</v>
      </c>
      <c r="BM167" s="19">
        <f>'[1]年齢別人口市区町村(外国人)'!X200</f>
        <v>0</v>
      </c>
      <c r="BN167" s="19">
        <f>'[1]年齢別人口市区町村(総数)'!X200</f>
        <v>11</v>
      </c>
      <c r="BO167" s="19">
        <f>'[1]年齢別人口市区町村(日本人)'!Y200</f>
        <v>1</v>
      </c>
      <c r="BP167" s="19">
        <f>'[1]年齢別人口市区町村(外国人)'!Y200</f>
        <v>0</v>
      </c>
      <c r="BQ167" s="60">
        <f>'[1]年齢別人口市区町村(総数)'!Y200</f>
        <v>1</v>
      </c>
    </row>
    <row r="168" spans="1:69" x14ac:dyDescent="0.15">
      <c r="A168" s="16" t="s">
        <v>84</v>
      </c>
      <c r="B168" s="21" t="s">
        <v>31</v>
      </c>
      <c r="C168" s="46"/>
      <c r="D168" s="22">
        <f>'[1]年齢別人口市区町村(日本人)'!D201</f>
        <v>5146</v>
      </c>
      <c r="E168" s="23">
        <f>'[1]年齢別人口市区町村(外国人)'!D201</f>
        <v>129</v>
      </c>
      <c r="F168" s="24">
        <f>'[1]年齢別人口市区町村(総数)'!D201</f>
        <v>5275</v>
      </c>
      <c r="G168" s="23">
        <f>'[1]年齢別人口市区町村(日本人)'!E201</f>
        <v>128</v>
      </c>
      <c r="H168" s="23">
        <f>'[1]年齢別人口市区町村(外国人)'!E201</f>
        <v>0</v>
      </c>
      <c r="I168" s="24">
        <f>'[1]年齢別人口市区町村(総数)'!E201</f>
        <v>128</v>
      </c>
      <c r="J168" s="23">
        <f>'[1]年齢別人口市区町村(日本人)'!F201</f>
        <v>150</v>
      </c>
      <c r="K168" s="23">
        <f>'[1]年齢別人口市区町村(外国人)'!F201</f>
        <v>0</v>
      </c>
      <c r="L168" s="24">
        <f>'[1]年齢別人口市区町村(総数)'!F201</f>
        <v>150</v>
      </c>
      <c r="M168" s="23">
        <f>'[1]年齢別人口市区町村(日本人)'!G201</f>
        <v>160</v>
      </c>
      <c r="N168" s="23">
        <f>'[1]年齢別人口市区町村(外国人)'!G201</f>
        <v>0</v>
      </c>
      <c r="O168" s="24">
        <f>'[1]年齢別人口市区町村(総数)'!G201</f>
        <v>160</v>
      </c>
      <c r="P168" s="23">
        <f>'[1]年齢別人口市区町村(日本人)'!H201</f>
        <v>172</v>
      </c>
      <c r="Q168" s="23">
        <f>'[1]年齢別人口市区町村(外国人)'!H201</f>
        <v>10</v>
      </c>
      <c r="R168" s="24">
        <f>'[1]年齢別人口市区町村(総数)'!H201</f>
        <v>182</v>
      </c>
      <c r="S168" s="23">
        <f>'[1]年齢別人口市区町村(日本人)'!I201</f>
        <v>207</v>
      </c>
      <c r="T168" s="23">
        <f>'[1]年齢別人口市区町村(外国人)'!I201</f>
        <v>19</v>
      </c>
      <c r="U168" s="24">
        <f>'[1]年齢別人口市区町村(総数)'!I201</f>
        <v>226</v>
      </c>
      <c r="V168" s="23">
        <f>'[1]年齢別人口市区町村(日本人)'!J201</f>
        <v>194</v>
      </c>
      <c r="W168" s="23">
        <f>'[1]年齢別人口市区町村(外国人)'!J201</f>
        <v>28</v>
      </c>
      <c r="X168" s="24">
        <f>'[1]年齢別人口市区町村(総数)'!J201</f>
        <v>222</v>
      </c>
      <c r="Y168" s="23">
        <f>'[1]年齢別人口市区町村(日本人)'!K201</f>
        <v>190</v>
      </c>
      <c r="Z168" s="23">
        <f>'[1]年齢別人口市区町村(外国人)'!K201</f>
        <v>11</v>
      </c>
      <c r="AA168" s="24">
        <f>'[1]年齢別人口市区町村(総数)'!K201</f>
        <v>201</v>
      </c>
      <c r="AB168" s="23">
        <f>'[1]年齢別人口市区町村(日本人)'!L201</f>
        <v>230</v>
      </c>
      <c r="AC168" s="23">
        <f>'[1]年齢別人口市区町村(外国人)'!L201</f>
        <v>6</v>
      </c>
      <c r="AD168" s="24">
        <f>'[1]年齢別人口市区町村(総数)'!L201</f>
        <v>236</v>
      </c>
      <c r="AE168" s="23">
        <f>'[1]年齢別人口市区町村(日本人)'!M201</f>
        <v>260</v>
      </c>
      <c r="AF168" s="23">
        <f>'[1]年齢別人口市区町村(外国人)'!M201</f>
        <v>19</v>
      </c>
      <c r="AG168" s="24">
        <f>'[1]年齢別人口市区町村(総数)'!M201</f>
        <v>279</v>
      </c>
      <c r="AH168" s="23">
        <f>'[1]年齢別人口市区町村(日本人)'!N201</f>
        <v>286</v>
      </c>
      <c r="AI168" s="23">
        <f>'[1]年齢別人口市区町村(外国人)'!N201</f>
        <v>11</v>
      </c>
      <c r="AJ168" s="24">
        <f>'[1]年齢別人口市区町村(総数)'!N201</f>
        <v>297</v>
      </c>
      <c r="AK168" s="23">
        <f>'[1]年齢別人口市区町村(日本人)'!O201</f>
        <v>353</v>
      </c>
      <c r="AL168" s="23">
        <f>'[1]年齢別人口市区町村(外国人)'!O201</f>
        <v>7</v>
      </c>
      <c r="AM168" s="24">
        <f>'[1]年齢別人口市区町村(総数)'!O201</f>
        <v>360</v>
      </c>
      <c r="AN168" s="23">
        <f>'[1]年齢別人口市区町村(日本人)'!P201</f>
        <v>379</v>
      </c>
      <c r="AO168" s="23">
        <f>'[1]年齢別人口市区町村(外国人)'!P201</f>
        <v>7</v>
      </c>
      <c r="AP168" s="24">
        <f>'[1]年齢別人口市区町村(総数)'!P201</f>
        <v>386</v>
      </c>
      <c r="AQ168" s="23">
        <f>'[1]年齢別人口市区町村(日本人)'!Q201</f>
        <v>354</v>
      </c>
      <c r="AR168" s="23">
        <f>'[1]年齢別人口市区町村(外国人)'!Q201</f>
        <v>5</v>
      </c>
      <c r="AS168" s="24">
        <f>'[1]年齢別人口市区町村(総数)'!Q201</f>
        <v>359</v>
      </c>
      <c r="AT168" s="23">
        <f>'[1]年齢別人口市区町村(日本人)'!R201</f>
        <v>353</v>
      </c>
      <c r="AU168" s="23">
        <f>'[1]年齢別人口市区町村(外国人)'!R201</f>
        <v>2</v>
      </c>
      <c r="AV168" s="24">
        <f>'[1]年齢別人口市区町村(総数)'!R201</f>
        <v>355</v>
      </c>
      <c r="AW168" s="23">
        <f>'[1]年齢別人口市区町村(日本人)'!S201</f>
        <v>382</v>
      </c>
      <c r="AX168" s="23">
        <f>'[1]年齢別人口市区町村(外国人)'!S201</f>
        <v>1</v>
      </c>
      <c r="AY168" s="24">
        <f>'[1]年齢別人口市区町村(総数)'!S201</f>
        <v>383</v>
      </c>
      <c r="AZ168" s="23">
        <f>'[1]年齢別人口市区町村(日本人)'!T201</f>
        <v>465</v>
      </c>
      <c r="BA168" s="23">
        <f>'[1]年齢別人口市区町村(外国人)'!T201</f>
        <v>2</v>
      </c>
      <c r="BB168" s="24">
        <f>'[1]年齢別人口市区町村(総数)'!T201</f>
        <v>467</v>
      </c>
      <c r="BC168" s="23">
        <f>'[1]年齢別人口市区町村(日本人)'!U201</f>
        <v>386</v>
      </c>
      <c r="BD168" s="23">
        <f>'[1]年齢別人口市区町村(外国人)'!U201</f>
        <v>1</v>
      </c>
      <c r="BE168" s="24">
        <f>'[1]年齢別人口市区町村(総数)'!U201</f>
        <v>387</v>
      </c>
      <c r="BF168" s="23">
        <f>'[1]年齢別人口市区町村(日本人)'!V201</f>
        <v>266</v>
      </c>
      <c r="BG168" s="23">
        <f>'[1]年齢別人口市区町村(外国人)'!V201</f>
        <v>0</v>
      </c>
      <c r="BH168" s="24">
        <f>'[1]年齢別人口市区町村(総数)'!V201</f>
        <v>266</v>
      </c>
      <c r="BI168" s="23">
        <f>'[1]年齢別人口市区町村(日本人)'!W201</f>
        <v>162</v>
      </c>
      <c r="BJ168" s="23">
        <f>'[1]年齢別人口市区町村(外国人)'!W201</f>
        <v>0</v>
      </c>
      <c r="BK168" s="24">
        <f>'[1]年齢別人口市区町村(総数)'!W201</f>
        <v>162</v>
      </c>
      <c r="BL168" s="23">
        <f>'[1]年齢別人口市区町村(日本人)'!X201</f>
        <v>57</v>
      </c>
      <c r="BM168" s="23">
        <f>'[1]年齢別人口市区町村(外国人)'!X201</f>
        <v>0</v>
      </c>
      <c r="BN168" s="24">
        <f>'[1]年齢別人口市区町村(総数)'!X201</f>
        <v>57</v>
      </c>
      <c r="BO168" s="23">
        <f>'[1]年齢別人口市区町村(日本人)'!Y201</f>
        <v>12</v>
      </c>
      <c r="BP168" s="23">
        <f>'[1]年齢別人口市区町村(外国人)'!Y201</f>
        <v>0</v>
      </c>
      <c r="BQ168" s="61">
        <f>'[1]年齢別人口市区町村(総数)'!Y201</f>
        <v>12</v>
      </c>
    </row>
    <row r="169" spans="1:69" ht="15" thickBot="1" x14ac:dyDescent="0.2">
      <c r="A169" s="35"/>
      <c r="B169" s="25" t="s">
        <v>32</v>
      </c>
      <c r="C169" s="47"/>
      <c r="D169" s="26">
        <f>'[1]年齢別人口市区町村(日本人)'!D199</f>
        <v>10186</v>
      </c>
      <c r="E169" s="27">
        <f>'[1]年齢別人口市区町村(外国人)'!D199</f>
        <v>206</v>
      </c>
      <c r="F169" s="28">
        <f>'[1]年齢別人口市区町村(総数)'!D199</f>
        <v>10392</v>
      </c>
      <c r="G169" s="27">
        <f>'[1]年齢別人口市区町村(日本人)'!E199</f>
        <v>245</v>
      </c>
      <c r="H169" s="27">
        <f>'[1]年齢別人口市区町村(外国人)'!E199</f>
        <v>4</v>
      </c>
      <c r="I169" s="28">
        <f>'[1]年齢別人口市区町村(総数)'!E199</f>
        <v>249</v>
      </c>
      <c r="J169" s="27">
        <f>'[1]年齢別人口市区町村(日本人)'!F199</f>
        <v>333</v>
      </c>
      <c r="K169" s="27">
        <f>'[1]年齢別人口市区町村(外国人)'!F199</f>
        <v>1</v>
      </c>
      <c r="L169" s="28">
        <f>'[1]年齢別人口市区町村(総数)'!F199</f>
        <v>334</v>
      </c>
      <c r="M169" s="27">
        <f>'[1]年齢別人口市区町村(日本人)'!G199</f>
        <v>341</v>
      </c>
      <c r="N169" s="27">
        <f>'[1]年齢別人口市区町村(外国人)'!G199</f>
        <v>0</v>
      </c>
      <c r="O169" s="28">
        <f>'[1]年齢別人口市区町村(総数)'!G199</f>
        <v>341</v>
      </c>
      <c r="P169" s="27">
        <f>'[1]年齢別人口市区町村(日本人)'!H199</f>
        <v>357</v>
      </c>
      <c r="Q169" s="27">
        <f>'[1]年齢別人口市区町村(外国人)'!H199</f>
        <v>11</v>
      </c>
      <c r="R169" s="28">
        <f>'[1]年齢別人口市区町村(総数)'!H199</f>
        <v>368</v>
      </c>
      <c r="S169" s="27">
        <f>'[1]年齢別人口市区町村(日本人)'!I199</f>
        <v>423</v>
      </c>
      <c r="T169" s="27">
        <f>'[1]年齢別人口市区町村(外国人)'!I199</f>
        <v>27</v>
      </c>
      <c r="U169" s="28">
        <f>'[1]年齢別人口市区町村(総数)'!I199</f>
        <v>450</v>
      </c>
      <c r="V169" s="27">
        <f>'[1]年齢別人口市区町村(日本人)'!J199</f>
        <v>402</v>
      </c>
      <c r="W169" s="27">
        <f>'[1]年齢別人口市区町村(外国人)'!J199</f>
        <v>49</v>
      </c>
      <c r="X169" s="28">
        <f>'[1]年齢別人口市区町村(総数)'!J199</f>
        <v>451</v>
      </c>
      <c r="Y169" s="27">
        <f>'[1]年齢別人口市区町村(日本人)'!K199</f>
        <v>410</v>
      </c>
      <c r="Z169" s="27">
        <f>'[1]年齢別人口市区町村(外国人)'!K199</f>
        <v>23</v>
      </c>
      <c r="AA169" s="28">
        <f>'[1]年齢別人口市区町村(総数)'!K199</f>
        <v>433</v>
      </c>
      <c r="AB169" s="27">
        <f>'[1]年齢別人口市区町村(日本人)'!L199</f>
        <v>489</v>
      </c>
      <c r="AC169" s="27">
        <f>'[1]年齢別人口市区町村(外国人)'!L199</f>
        <v>15</v>
      </c>
      <c r="AD169" s="28">
        <f>'[1]年齢別人口市区町村(総数)'!L199</f>
        <v>504</v>
      </c>
      <c r="AE169" s="27">
        <f>'[1]年齢別人口市区町村(日本人)'!M199</f>
        <v>531</v>
      </c>
      <c r="AF169" s="27">
        <f>'[1]年齢別人口市区町村(外国人)'!M199</f>
        <v>23</v>
      </c>
      <c r="AG169" s="28">
        <f>'[1]年齢別人口市区町村(総数)'!M199</f>
        <v>554</v>
      </c>
      <c r="AH169" s="27">
        <f>'[1]年齢別人口市区町村(日本人)'!N199</f>
        <v>625</v>
      </c>
      <c r="AI169" s="27">
        <f>'[1]年齢別人口市区町村(外国人)'!N199</f>
        <v>16</v>
      </c>
      <c r="AJ169" s="28">
        <f>'[1]年齢別人口市区町村(総数)'!N199</f>
        <v>641</v>
      </c>
      <c r="AK169" s="27">
        <f>'[1]年齢別人口市区町村(日本人)'!O199</f>
        <v>765</v>
      </c>
      <c r="AL169" s="27">
        <f>'[1]年齢別人口市区町村(外国人)'!O199</f>
        <v>10</v>
      </c>
      <c r="AM169" s="28">
        <f>'[1]年齢別人口市区町村(総数)'!O199</f>
        <v>775</v>
      </c>
      <c r="AN169" s="27">
        <f>'[1]年齢別人口市区町村(日本人)'!P199</f>
        <v>789</v>
      </c>
      <c r="AO169" s="27">
        <f>'[1]年齢別人口市区町村(外国人)'!P199</f>
        <v>14</v>
      </c>
      <c r="AP169" s="28">
        <f>'[1]年齢別人口市区町村(総数)'!P199</f>
        <v>803</v>
      </c>
      <c r="AQ169" s="27">
        <f>'[1]年齢別人口市区町村(日本人)'!Q199</f>
        <v>759</v>
      </c>
      <c r="AR169" s="27">
        <f>'[1]年齢別人口市区町村(外国人)'!Q199</f>
        <v>6</v>
      </c>
      <c r="AS169" s="28">
        <f>'[1]年齢別人口市区町村(総数)'!Q199</f>
        <v>765</v>
      </c>
      <c r="AT169" s="27">
        <f>'[1]年齢別人口市区町村(日本人)'!R199</f>
        <v>681</v>
      </c>
      <c r="AU169" s="27">
        <f>'[1]年齢別人口市区町村(外国人)'!R199</f>
        <v>2</v>
      </c>
      <c r="AV169" s="28">
        <f>'[1]年齢別人口市区町村(総数)'!R199</f>
        <v>683</v>
      </c>
      <c r="AW169" s="27">
        <f>'[1]年齢別人口市区町村(日本人)'!S199</f>
        <v>776</v>
      </c>
      <c r="AX169" s="27">
        <f>'[1]年齢別人口市区町村(外国人)'!S199</f>
        <v>1</v>
      </c>
      <c r="AY169" s="28">
        <f>'[1]年齢別人口市区町村(総数)'!S199</f>
        <v>777</v>
      </c>
      <c r="AZ169" s="27">
        <f>'[1]年齢別人口市区町村(日本人)'!T199</f>
        <v>864</v>
      </c>
      <c r="BA169" s="27">
        <f>'[1]年齢別人口市区町村(外国人)'!T199</f>
        <v>3</v>
      </c>
      <c r="BB169" s="28">
        <f>'[1]年齢別人口市区町村(総数)'!T199</f>
        <v>867</v>
      </c>
      <c r="BC169" s="27">
        <f>'[1]年齢別人口市区町村(日本人)'!U199</f>
        <v>656</v>
      </c>
      <c r="BD169" s="27">
        <f>'[1]年齢別人口市区町村(外国人)'!U199</f>
        <v>1</v>
      </c>
      <c r="BE169" s="28">
        <f>'[1]年齢別人口市区町村(総数)'!U199</f>
        <v>657</v>
      </c>
      <c r="BF169" s="27">
        <f>'[1]年齢別人口市区町村(日本人)'!V199</f>
        <v>439</v>
      </c>
      <c r="BG169" s="27">
        <f>'[1]年齢別人口市区町村(外国人)'!V199</f>
        <v>0</v>
      </c>
      <c r="BH169" s="28">
        <f>'[1]年齢別人口市区町村(総数)'!V199</f>
        <v>439</v>
      </c>
      <c r="BI169" s="27">
        <f>'[1]年齢別人口市区町村(日本人)'!W199</f>
        <v>220</v>
      </c>
      <c r="BJ169" s="27">
        <f>'[1]年齢別人口市区町村(外国人)'!W199</f>
        <v>0</v>
      </c>
      <c r="BK169" s="28">
        <f>'[1]年齢別人口市区町村(総数)'!W199</f>
        <v>220</v>
      </c>
      <c r="BL169" s="27">
        <f>'[1]年齢別人口市区町村(日本人)'!X199</f>
        <v>68</v>
      </c>
      <c r="BM169" s="27">
        <f>'[1]年齢別人口市区町村(外国人)'!X199</f>
        <v>0</v>
      </c>
      <c r="BN169" s="28">
        <f>'[1]年齢別人口市区町村(総数)'!X199</f>
        <v>68</v>
      </c>
      <c r="BO169" s="27">
        <f>'[1]年齢別人口市区町村(日本人)'!Y199</f>
        <v>13</v>
      </c>
      <c r="BP169" s="27">
        <f>'[1]年齢別人口市区町村(外国人)'!Y199</f>
        <v>0</v>
      </c>
      <c r="BQ169" s="62">
        <f>'[1]年齢別人口市区町村(総数)'!Y199</f>
        <v>13</v>
      </c>
    </row>
    <row r="170" spans="1:69" x14ac:dyDescent="0.15">
      <c r="A170" s="16"/>
      <c r="B170" s="17" t="s">
        <v>29</v>
      </c>
      <c r="C170" s="45">
        <v>143642</v>
      </c>
      <c r="D170" s="18">
        <f>'[1]年齢別人口市区町村(日本人)'!D203</f>
        <v>4403</v>
      </c>
      <c r="E170" s="19">
        <f>'[1]年齢別人口市区町村(外国人)'!D203</f>
        <v>78</v>
      </c>
      <c r="F170" s="19">
        <f>'[1]年齢別人口市区町村(総数)'!D203</f>
        <v>4481</v>
      </c>
      <c r="G170" s="19">
        <f>'[1]年齢別人口市区町村(日本人)'!E203</f>
        <v>67</v>
      </c>
      <c r="H170" s="19">
        <f>'[1]年齢別人口市区町村(外国人)'!E203</f>
        <v>1</v>
      </c>
      <c r="I170" s="19">
        <f>'[1]年齢別人口市区町村(総数)'!E203</f>
        <v>68</v>
      </c>
      <c r="J170" s="19">
        <f>'[1]年齢別人口市区町村(日本人)'!F203</f>
        <v>110</v>
      </c>
      <c r="K170" s="19">
        <f>'[1]年齢別人口市区町村(外国人)'!F203</f>
        <v>3</v>
      </c>
      <c r="L170" s="19">
        <f>'[1]年齢別人口市区町村(総数)'!F203</f>
        <v>113</v>
      </c>
      <c r="M170" s="19">
        <f>'[1]年齢別人口市区町村(日本人)'!G203</f>
        <v>152</v>
      </c>
      <c r="N170" s="19">
        <f>'[1]年齢別人口市区町村(外国人)'!G203</f>
        <v>0</v>
      </c>
      <c r="O170" s="19">
        <f>'[1]年齢別人口市区町村(総数)'!G203</f>
        <v>152</v>
      </c>
      <c r="P170" s="19">
        <f>'[1]年齢別人口市区町村(日本人)'!H203</f>
        <v>163</v>
      </c>
      <c r="Q170" s="19">
        <f>'[1]年齢別人口市区町村(外国人)'!H203</f>
        <v>1</v>
      </c>
      <c r="R170" s="19">
        <f>'[1]年齢別人口市区町村(総数)'!H203</f>
        <v>164</v>
      </c>
      <c r="S170" s="19">
        <f>'[1]年齢別人口市区町村(日本人)'!I203</f>
        <v>175</v>
      </c>
      <c r="T170" s="19">
        <f>'[1]年齢別人口市区町村(外国人)'!I203</f>
        <v>6</v>
      </c>
      <c r="U170" s="19">
        <f>'[1]年齢別人口市区町村(総数)'!I203</f>
        <v>181</v>
      </c>
      <c r="V170" s="19">
        <f>'[1]年齢別人口市区町村(日本人)'!J203</f>
        <v>143</v>
      </c>
      <c r="W170" s="19">
        <f>'[1]年齢別人口市区町村(外国人)'!J203</f>
        <v>21</v>
      </c>
      <c r="X170" s="19">
        <f>'[1]年齢別人口市区町村(総数)'!J203</f>
        <v>164</v>
      </c>
      <c r="Y170" s="19">
        <f>'[1]年齢別人口市区町村(日本人)'!K203</f>
        <v>152</v>
      </c>
      <c r="Z170" s="19">
        <f>'[1]年齢別人口市区町村(外国人)'!K203</f>
        <v>11</v>
      </c>
      <c r="AA170" s="19">
        <f>'[1]年齢別人口市区町村(総数)'!K203</f>
        <v>163</v>
      </c>
      <c r="AB170" s="19">
        <f>'[1]年齢別人口市区町村(日本人)'!L203</f>
        <v>190</v>
      </c>
      <c r="AC170" s="19">
        <f>'[1]年齢別人口市区町村(外国人)'!L203</f>
        <v>15</v>
      </c>
      <c r="AD170" s="19">
        <f>'[1]年齢別人口市区町村(総数)'!L203</f>
        <v>205</v>
      </c>
      <c r="AE170" s="19">
        <f>'[1]年齢別人口市区町村(日本人)'!M203</f>
        <v>231</v>
      </c>
      <c r="AF170" s="19">
        <f>'[1]年齢別人口市区町村(外国人)'!M203</f>
        <v>6</v>
      </c>
      <c r="AG170" s="19">
        <f>'[1]年齢別人口市区町村(総数)'!M203</f>
        <v>237</v>
      </c>
      <c r="AH170" s="19">
        <f>'[1]年齢別人口市区町村(日本人)'!N203</f>
        <v>287</v>
      </c>
      <c r="AI170" s="19">
        <f>'[1]年齢別人口市区町村(外国人)'!N203</f>
        <v>9</v>
      </c>
      <c r="AJ170" s="19">
        <f>'[1]年齢別人口市区町村(総数)'!N203</f>
        <v>296</v>
      </c>
      <c r="AK170" s="19">
        <f>'[1]年齢別人口市区町村(日本人)'!O203</f>
        <v>292</v>
      </c>
      <c r="AL170" s="19">
        <f>'[1]年齢別人口市区町村(外国人)'!O203</f>
        <v>2</v>
      </c>
      <c r="AM170" s="19">
        <f>'[1]年齢別人口市区町村(総数)'!O203</f>
        <v>294</v>
      </c>
      <c r="AN170" s="19">
        <f>'[1]年齢別人口市区町村(日本人)'!P203</f>
        <v>320</v>
      </c>
      <c r="AO170" s="19">
        <f>'[1]年齢別人口市区町村(外国人)'!P203</f>
        <v>2</v>
      </c>
      <c r="AP170" s="19">
        <f>'[1]年齢別人口市区町村(総数)'!P203</f>
        <v>322</v>
      </c>
      <c r="AQ170" s="19">
        <f>'[1]年齢別人口市区町村(日本人)'!Q203</f>
        <v>345</v>
      </c>
      <c r="AR170" s="19">
        <f>'[1]年齢別人口市区町村(外国人)'!Q203</f>
        <v>0</v>
      </c>
      <c r="AS170" s="19">
        <f>'[1]年齢別人口市区町村(総数)'!Q203</f>
        <v>345</v>
      </c>
      <c r="AT170" s="19">
        <f>'[1]年齢別人口市区町村(日本人)'!R203</f>
        <v>395</v>
      </c>
      <c r="AU170" s="19">
        <f>'[1]年齢別人口市区町村(外国人)'!R203</f>
        <v>0</v>
      </c>
      <c r="AV170" s="19">
        <f>'[1]年齢別人口市区町村(総数)'!R203</f>
        <v>395</v>
      </c>
      <c r="AW170" s="19">
        <f>'[1]年齢別人口市区町村(日本人)'!S203</f>
        <v>414</v>
      </c>
      <c r="AX170" s="19">
        <f>'[1]年齢別人口市区町村(外国人)'!S203</f>
        <v>0</v>
      </c>
      <c r="AY170" s="19">
        <f>'[1]年齢別人口市区町村(総数)'!S203</f>
        <v>414</v>
      </c>
      <c r="AZ170" s="19">
        <f>'[1]年齢別人口市区町村(日本人)'!T203</f>
        <v>476</v>
      </c>
      <c r="BA170" s="19">
        <f>'[1]年齢別人口市区町村(外国人)'!T203</f>
        <v>0</v>
      </c>
      <c r="BB170" s="19">
        <f>'[1]年齢別人口市区町村(総数)'!T203</f>
        <v>476</v>
      </c>
      <c r="BC170" s="19">
        <f>'[1]年齢別人口市区町村(日本人)'!U203</f>
        <v>261</v>
      </c>
      <c r="BD170" s="19">
        <f>'[1]年齢別人口市区町村(外国人)'!U203</f>
        <v>1</v>
      </c>
      <c r="BE170" s="19">
        <f>'[1]年齢別人口市区町村(総数)'!U203</f>
        <v>262</v>
      </c>
      <c r="BF170" s="19">
        <f>'[1]年齢別人口市区町村(日本人)'!V203</f>
        <v>149</v>
      </c>
      <c r="BG170" s="19">
        <f>'[1]年齢別人口市区町村(外国人)'!V203</f>
        <v>0</v>
      </c>
      <c r="BH170" s="19">
        <f>'[1]年齢別人口市区町村(総数)'!V203</f>
        <v>149</v>
      </c>
      <c r="BI170" s="19">
        <f>'[1]年齢別人口市区町村(日本人)'!W203</f>
        <v>68</v>
      </c>
      <c r="BJ170" s="19">
        <f>'[1]年齢別人口市区町村(外国人)'!W203</f>
        <v>0</v>
      </c>
      <c r="BK170" s="19">
        <f>'[1]年齢別人口市区町村(総数)'!W203</f>
        <v>68</v>
      </c>
      <c r="BL170" s="19">
        <f>'[1]年齢別人口市区町村(日本人)'!X203</f>
        <v>11</v>
      </c>
      <c r="BM170" s="19">
        <f>'[1]年齢別人口市区町村(外国人)'!X203</f>
        <v>0</v>
      </c>
      <c r="BN170" s="19">
        <f>'[1]年齢別人口市区町村(総数)'!X203</f>
        <v>11</v>
      </c>
      <c r="BO170" s="19">
        <f>'[1]年齢別人口市区町村(日本人)'!Y203</f>
        <v>2</v>
      </c>
      <c r="BP170" s="19">
        <f>'[1]年齢別人口市区町村(外国人)'!Y203</f>
        <v>0</v>
      </c>
      <c r="BQ170" s="60">
        <f>'[1]年齢別人口市区町村(総数)'!Y203</f>
        <v>2</v>
      </c>
    </row>
    <row r="171" spans="1:69" x14ac:dyDescent="0.15">
      <c r="A171" s="16" t="s">
        <v>85</v>
      </c>
      <c r="B171" s="21" t="s">
        <v>31</v>
      </c>
      <c r="C171" s="46"/>
      <c r="D171" s="22">
        <f>'[1]年齢別人口市区町村(日本人)'!D204</f>
        <v>4551</v>
      </c>
      <c r="E171" s="23">
        <f>'[1]年齢別人口市区町村(外国人)'!D204</f>
        <v>73</v>
      </c>
      <c r="F171" s="24">
        <f>'[1]年齢別人口市区町村(総数)'!D204</f>
        <v>4624</v>
      </c>
      <c r="G171" s="23">
        <f>'[1]年齢別人口市区町村(日本人)'!E204</f>
        <v>60</v>
      </c>
      <c r="H171" s="23">
        <f>'[1]年齢別人口市区町村(外国人)'!E204</f>
        <v>1</v>
      </c>
      <c r="I171" s="24">
        <f>'[1]年齢別人口市区町村(総数)'!E204</f>
        <v>61</v>
      </c>
      <c r="J171" s="23">
        <f>'[1]年齢別人口市区町村(日本人)'!F204</f>
        <v>105</v>
      </c>
      <c r="K171" s="23">
        <f>'[1]年齢別人口市区町村(外国人)'!F204</f>
        <v>1</v>
      </c>
      <c r="L171" s="24">
        <f>'[1]年齢別人口市区町村(総数)'!F204</f>
        <v>106</v>
      </c>
      <c r="M171" s="23">
        <f>'[1]年齢別人口市区町村(日本人)'!G204</f>
        <v>171</v>
      </c>
      <c r="N171" s="23">
        <f>'[1]年齢別人口市区町村(外国人)'!G204</f>
        <v>1</v>
      </c>
      <c r="O171" s="24">
        <f>'[1]年齢別人口市区町村(総数)'!G204</f>
        <v>172</v>
      </c>
      <c r="P171" s="23">
        <f>'[1]年齢別人口市区町村(日本人)'!H204</f>
        <v>155</v>
      </c>
      <c r="Q171" s="23">
        <f>'[1]年齢別人口市区町村(外国人)'!H204</f>
        <v>2</v>
      </c>
      <c r="R171" s="24">
        <f>'[1]年齢別人口市区町村(総数)'!H204</f>
        <v>157</v>
      </c>
      <c r="S171" s="23">
        <f>'[1]年齢別人口市区町村(日本人)'!I204</f>
        <v>133</v>
      </c>
      <c r="T171" s="23">
        <f>'[1]年齢別人口市区町村(外国人)'!I204</f>
        <v>14</v>
      </c>
      <c r="U171" s="24">
        <f>'[1]年齢別人口市区町村(総数)'!I204</f>
        <v>147</v>
      </c>
      <c r="V171" s="23">
        <f>'[1]年齢別人口市区町村(日本人)'!J204</f>
        <v>124</v>
      </c>
      <c r="W171" s="23">
        <f>'[1]年齢別人口市区町村(外国人)'!J204</f>
        <v>13</v>
      </c>
      <c r="X171" s="24">
        <f>'[1]年齢別人口市区町村(総数)'!J204</f>
        <v>137</v>
      </c>
      <c r="Y171" s="23">
        <f>'[1]年齢別人口市区町村(日本人)'!K204</f>
        <v>124</v>
      </c>
      <c r="Z171" s="23">
        <f>'[1]年齢別人口市区町村(外国人)'!K204</f>
        <v>4</v>
      </c>
      <c r="AA171" s="24">
        <f>'[1]年齢別人口市区町村(総数)'!K204</f>
        <v>128</v>
      </c>
      <c r="AB171" s="23">
        <f>'[1]年齢別人口市区町村(日本人)'!L204</f>
        <v>166</v>
      </c>
      <c r="AC171" s="23">
        <f>'[1]年齢別人口市区町村(外国人)'!L204</f>
        <v>8</v>
      </c>
      <c r="AD171" s="24">
        <f>'[1]年齢別人口市区町村(総数)'!L204</f>
        <v>174</v>
      </c>
      <c r="AE171" s="23">
        <f>'[1]年齢別人口市区町村(日本人)'!M204</f>
        <v>184</v>
      </c>
      <c r="AF171" s="23">
        <f>'[1]年齢別人口市区町村(外国人)'!M204</f>
        <v>3</v>
      </c>
      <c r="AG171" s="24">
        <f>'[1]年齢別人口市区町村(総数)'!M204</f>
        <v>187</v>
      </c>
      <c r="AH171" s="23">
        <f>'[1]年齢別人口市区町村(日本人)'!N204</f>
        <v>235</v>
      </c>
      <c r="AI171" s="23">
        <f>'[1]年齢別人口市区町村(外国人)'!N204</f>
        <v>5</v>
      </c>
      <c r="AJ171" s="24">
        <f>'[1]年齢別人口市区町村(総数)'!N204</f>
        <v>240</v>
      </c>
      <c r="AK171" s="23">
        <f>'[1]年齢別人口市区町村(日本人)'!O204</f>
        <v>296</v>
      </c>
      <c r="AL171" s="23">
        <f>'[1]年齢別人口市区町村(外国人)'!O204</f>
        <v>6</v>
      </c>
      <c r="AM171" s="24">
        <f>'[1]年齢別人口市区町村(総数)'!O204</f>
        <v>302</v>
      </c>
      <c r="AN171" s="23">
        <f>'[1]年齢別人口市区町村(日本人)'!P204</f>
        <v>308</v>
      </c>
      <c r="AO171" s="23">
        <f>'[1]年齢別人口市区町村(外国人)'!P204</f>
        <v>6</v>
      </c>
      <c r="AP171" s="24">
        <f>'[1]年齢別人口市区町村(総数)'!P204</f>
        <v>314</v>
      </c>
      <c r="AQ171" s="23">
        <f>'[1]年齢別人口市区町村(日本人)'!Q204</f>
        <v>310</v>
      </c>
      <c r="AR171" s="23">
        <f>'[1]年齢別人口市区町村(外国人)'!Q204</f>
        <v>3</v>
      </c>
      <c r="AS171" s="24">
        <f>'[1]年齢別人口市区町村(総数)'!Q204</f>
        <v>313</v>
      </c>
      <c r="AT171" s="23">
        <f>'[1]年齢別人口市区町村(日本人)'!R204</f>
        <v>366</v>
      </c>
      <c r="AU171" s="23">
        <f>'[1]年齢別人口市区町村(外国人)'!R204</f>
        <v>5</v>
      </c>
      <c r="AV171" s="24">
        <f>'[1]年齢別人口市区町村(総数)'!R204</f>
        <v>371</v>
      </c>
      <c r="AW171" s="23">
        <f>'[1]年齢別人口市区町村(日本人)'!S204</f>
        <v>440</v>
      </c>
      <c r="AX171" s="23">
        <f>'[1]年齢別人口市区町村(外国人)'!S204</f>
        <v>0</v>
      </c>
      <c r="AY171" s="24">
        <f>'[1]年齢別人口市区町村(総数)'!S204</f>
        <v>440</v>
      </c>
      <c r="AZ171" s="23">
        <f>'[1]年齢別人口市区町村(日本人)'!T204</f>
        <v>537</v>
      </c>
      <c r="BA171" s="23">
        <f>'[1]年齢別人口市区町村(外国人)'!T204</f>
        <v>1</v>
      </c>
      <c r="BB171" s="24">
        <f>'[1]年齢別人口市区町村(総数)'!T204</f>
        <v>538</v>
      </c>
      <c r="BC171" s="23">
        <f>'[1]年齢別人口市区町村(日本人)'!U204</f>
        <v>318</v>
      </c>
      <c r="BD171" s="23">
        <f>'[1]年齢別人口市区町村(外国人)'!U204</f>
        <v>0</v>
      </c>
      <c r="BE171" s="24">
        <f>'[1]年齢別人口市区町村(総数)'!U204</f>
        <v>318</v>
      </c>
      <c r="BF171" s="23">
        <f>'[1]年齢別人口市区町村(日本人)'!V204</f>
        <v>278</v>
      </c>
      <c r="BG171" s="23">
        <f>'[1]年齢別人口市区町村(外国人)'!V204</f>
        <v>0</v>
      </c>
      <c r="BH171" s="24">
        <f>'[1]年齢別人口市区町村(総数)'!V204</f>
        <v>278</v>
      </c>
      <c r="BI171" s="23">
        <f>'[1]年齢別人口市区町村(日本人)'!W204</f>
        <v>178</v>
      </c>
      <c r="BJ171" s="23">
        <f>'[1]年齢別人口市区町村(外国人)'!W204</f>
        <v>0</v>
      </c>
      <c r="BK171" s="24">
        <f>'[1]年齢別人口市区町村(総数)'!W204</f>
        <v>178</v>
      </c>
      <c r="BL171" s="23">
        <f>'[1]年齢別人口市区町村(日本人)'!X204</f>
        <v>59</v>
      </c>
      <c r="BM171" s="23">
        <f>'[1]年齢別人口市区町村(外国人)'!X204</f>
        <v>0</v>
      </c>
      <c r="BN171" s="24">
        <f>'[1]年齢別人口市区町村(総数)'!X204</f>
        <v>59</v>
      </c>
      <c r="BO171" s="23">
        <f>'[1]年齢別人口市区町村(日本人)'!Y204</f>
        <v>4</v>
      </c>
      <c r="BP171" s="23">
        <f>'[1]年齢別人口市区町村(外国人)'!Y204</f>
        <v>0</v>
      </c>
      <c r="BQ171" s="61">
        <f>'[1]年齢別人口市区町村(総数)'!Y204</f>
        <v>4</v>
      </c>
    </row>
    <row r="172" spans="1:69" ht="15" thickBot="1" x14ac:dyDescent="0.2">
      <c r="A172" s="35"/>
      <c r="B172" s="25" t="s">
        <v>32</v>
      </c>
      <c r="C172" s="47"/>
      <c r="D172" s="26">
        <f>'[1]年齢別人口市区町村(日本人)'!D202</f>
        <v>8954</v>
      </c>
      <c r="E172" s="27">
        <f>'[1]年齢別人口市区町村(外国人)'!D202</f>
        <v>151</v>
      </c>
      <c r="F172" s="28">
        <f>'[1]年齢別人口市区町村(総数)'!D202</f>
        <v>9105</v>
      </c>
      <c r="G172" s="27">
        <f>'[1]年齢別人口市区町村(日本人)'!E202</f>
        <v>127</v>
      </c>
      <c r="H172" s="27">
        <f>'[1]年齢別人口市区町村(外国人)'!E202</f>
        <v>2</v>
      </c>
      <c r="I172" s="28">
        <f>'[1]年齢別人口市区町村(総数)'!E202</f>
        <v>129</v>
      </c>
      <c r="J172" s="27">
        <f>'[1]年齢別人口市区町村(日本人)'!F202</f>
        <v>215</v>
      </c>
      <c r="K172" s="27">
        <f>'[1]年齢別人口市区町村(外国人)'!F202</f>
        <v>4</v>
      </c>
      <c r="L172" s="28">
        <f>'[1]年齢別人口市区町村(総数)'!F202</f>
        <v>219</v>
      </c>
      <c r="M172" s="27">
        <f>'[1]年齢別人口市区町村(日本人)'!G202</f>
        <v>323</v>
      </c>
      <c r="N172" s="27">
        <f>'[1]年齢別人口市区町村(外国人)'!G202</f>
        <v>1</v>
      </c>
      <c r="O172" s="28">
        <f>'[1]年齢別人口市区町村(総数)'!G202</f>
        <v>324</v>
      </c>
      <c r="P172" s="27">
        <f>'[1]年齢別人口市区町村(日本人)'!H202</f>
        <v>318</v>
      </c>
      <c r="Q172" s="27">
        <f>'[1]年齢別人口市区町村(外国人)'!H202</f>
        <v>3</v>
      </c>
      <c r="R172" s="28">
        <f>'[1]年齢別人口市区町村(総数)'!H202</f>
        <v>321</v>
      </c>
      <c r="S172" s="27">
        <f>'[1]年齢別人口市区町村(日本人)'!I202</f>
        <v>308</v>
      </c>
      <c r="T172" s="27">
        <f>'[1]年齢別人口市区町村(外国人)'!I202</f>
        <v>20</v>
      </c>
      <c r="U172" s="28">
        <f>'[1]年齢別人口市区町村(総数)'!I202</f>
        <v>328</v>
      </c>
      <c r="V172" s="27">
        <f>'[1]年齢別人口市区町村(日本人)'!J202</f>
        <v>267</v>
      </c>
      <c r="W172" s="27">
        <f>'[1]年齢別人口市区町村(外国人)'!J202</f>
        <v>34</v>
      </c>
      <c r="X172" s="28">
        <f>'[1]年齢別人口市区町村(総数)'!J202</f>
        <v>301</v>
      </c>
      <c r="Y172" s="27">
        <f>'[1]年齢別人口市区町村(日本人)'!K202</f>
        <v>276</v>
      </c>
      <c r="Z172" s="27">
        <f>'[1]年齢別人口市区町村(外国人)'!K202</f>
        <v>15</v>
      </c>
      <c r="AA172" s="28">
        <f>'[1]年齢別人口市区町村(総数)'!K202</f>
        <v>291</v>
      </c>
      <c r="AB172" s="27">
        <f>'[1]年齢別人口市区町村(日本人)'!L202</f>
        <v>356</v>
      </c>
      <c r="AC172" s="27">
        <f>'[1]年齢別人口市区町村(外国人)'!L202</f>
        <v>23</v>
      </c>
      <c r="AD172" s="28">
        <f>'[1]年齢別人口市区町村(総数)'!L202</f>
        <v>379</v>
      </c>
      <c r="AE172" s="27">
        <f>'[1]年齢別人口市区町村(日本人)'!M202</f>
        <v>415</v>
      </c>
      <c r="AF172" s="27">
        <f>'[1]年齢別人口市区町村(外国人)'!M202</f>
        <v>9</v>
      </c>
      <c r="AG172" s="28">
        <f>'[1]年齢別人口市区町村(総数)'!M202</f>
        <v>424</v>
      </c>
      <c r="AH172" s="27">
        <f>'[1]年齢別人口市区町村(日本人)'!N202</f>
        <v>522</v>
      </c>
      <c r="AI172" s="27">
        <f>'[1]年齢別人口市区町村(外国人)'!N202</f>
        <v>14</v>
      </c>
      <c r="AJ172" s="28">
        <f>'[1]年齢別人口市区町村(総数)'!N202</f>
        <v>536</v>
      </c>
      <c r="AK172" s="27">
        <f>'[1]年齢別人口市区町村(日本人)'!O202</f>
        <v>588</v>
      </c>
      <c r="AL172" s="27">
        <f>'[1]年齢別人口市区町村(外国人)'!O202</f>
        <v>8</v>
      </c>
      <c r="AM172" s="28">
        <f>'[1]年齢別人口市区町村(総数)'!O202</f>
        <v>596</v>
      </c>
      <c r="AN172" s="27">
        <f>'[1]年齢別人口市区町村(日本人)'!P202</f>
        <v>628</v>
      </c>
      <c r="AO172" s="27">
        <f>'[1]年齢別人口市区町村(外国人)'!P202</f>
        <v>8</v>
      </c>
      <c r="AP172" s="28">
        <f>'[1]年齢別人口市区町村(総数)'!P202</f>
        <v>636</v>
      </c>
      <c r="AQ172" s="27">
        <f>'[1]年齢別人口市区町村(日本人)'!Q202</f>
        <v>655</v>
      </c>
      <c r="AR172" s="27">
        <f>'[1]年齢別人口市区町村(外国人)'!Q202</f>
        <v>3</v>
      </c>
      <c r="AS172" s="28">
        <f>'[1]年齢別人口市区町村(総数)'!Q202</f>
        <v>658</v>
      </c>
      <c r="AT172" s="27">
        <f>'[1]年齢別人口市区町村(日本人)'!R202</f>
        <v>761</v>
      </c>
      <c r="AU172" s="27">
        <f>'[1]年齢別人口市区町村(外国人)'!R202</f>
        <v>5</v>
      </c>
      <c r="AV172" s="28">
        <f>'[1]年齢別人口市区町村(総数)'!R202</f>
        <v>766</v>
      </c>
      <c r="AW172" s="27">
        <f>'[1]年齢別人口市区町村(日本人)'!S202</f>
        <v>854</v>
      </c>
      <c r="AX172" s="27">
        <f>'[1]年齢別人口市区町村(外国人)'!S202</f>
        <v>0</v>
      </c>
      <c r="AY172" s="28">
        <f>'[1]年齢別人口市区町村(総数)'!S202</f>
        <v>854</v>
      </c>
      <c r="AZ172" s="27">
        <f>'[1]年齢別人口市区町村(日本人)'!T202</f>
        <v>1013</v>
      </c>
      <c r="BA172" s="27">
        <f>'[1]年齢別人口市区町村(外国人)'!T202</f>
        <v>1</v>
      </c>
      <c r="BB172" s="28">
        <f>'[1]年齢別人口市区町村(総数)'!T202</f>
        <v>1014</v>
      </c>
      <c r="BC172" s="27">
        <f>'[1]年齢別人口市区町村(日本人)'!U202</f>
        <v>579</v>
      </c>
      <c r="BD172" s="27">
        <f>'[1]年齢別人口市区町村(外国人)'!U202</f>
        <v>1</v>
      </c>
      <c r="BE172" s="28">
        <f>'[1]年齢別人口市区町村(総数)'!U202</f>
        <v>580</v>
      </c>
      <c r="BF172" s="27">
        <f>'[1]年齢別人口市区町村(日本人)'!V202</f>
        <v>427</v>
      </c>
      <c r="BG172" s="27">
        <f>'[1]年齢別人口市区町村(外国人)'!V202</f>
        <v>0</v>
      </c>
      <c r="BH172" s="28">
        <f>'[1]年齢別人口市区町村(総数)'!V202</f>
        <v>427</v>
      </c>
      <c r="BI172" s="27">
        <f>'[1]年齢別人口市区町村(日本人)'!W202</f>
        <v>246</v>
      </c>
      <c r="BJ172" s="27">
        <f>'[1]年齢別人口市区町村(外国人)'!W202</f>
        <v>0</v>
      </c>
      <c r="BK172" s="28">
        <f>'[1]年齢別人口市区町村(総数)'!W202</f>
        <v>246</v>
      </c>
      <c r="BL172" s="27">
        <f>'[1]年齢別人口市区町村(日本人)'!X202</f>
        <v>70</v>
      </c>
      <c r="BM172" s="27">
        <f>'[1]年齢別人口市区町村(外国人)'!X202</f>
        <v>0</v>
      </c>
      <c r="BN172" s="28">
        <f>'[1]年齢別人口市区町村(総数)'!X202</f>
        <v>70</v>
      </c>
      <c r="BO172" s="27">
        <f>'[1]年齢別人口市区町村(日本人)'!Y202</f>
        <v>6</v>
      </c>
      <c r="BP172" s="27">
        <f>'[1]年齢別人口市区町村(外国人)'!Y202</f>
        <v>0</v>
      </c>
      <c r="BQ172" s="62">
        <f>'[1]年齢別人口市区町村(総数)'!Y202</f>
        <v>6</v>
      </c>
    </row>
    <row r="173" spans="1:69" x14ac:dyDescent="0.15">
      <c r="A173" s="16"/>
      <c r="B173" s="17" t="s">
        <v>29</v>
      </c>
      <c r="C173" s="45">
        <v>143669</v>
      </c>
      <c r="D173" s="18">
        <f>'[1]年齢別人口市区町村(日本人)'!D206</f>
        <v>8893</v>
      </c>
      <c r="E173" s="19">
        <f>'[1]年齢別人口市区町村(外国人)'!D206</f>
        <v>111</v>
      </c>
      <c r="F173" s="19">
        <f>'[1]年齢別人口市区町村(総数)'!D206</f>
        <v>9004</v>
      </c>
      <c r="G173" s="19">
        <f>'[1]年齢別人口市区町村(日本人)'!E206</f>
        <v>337</v>
      </c>
      <c r="H173" s="19">
        <f>'[1]年齢別人口市区町村(外国人)'!E206</f>
        <v>3</v>
      </c>
      <c r="I173" s="19">
        <f>'[1]年齢別人口市区町村(総数)'!E206</f>
        <v>340</v>
      </c>
      <c r="J173" s="19">
        <f>'[1]年齢別人口市区町村(日本人)'!F206</f>
        <v>425</v>
      </c>
      <c r="K173" s="19">
        <f>'[1]年齢別人口市区町村(外国人)'!F206</f>
        <v>3</v>
      </c>
      <c r="L173" s="19">
        <f>'[1]年齢別人口市区町村(総数)'!F206</f>
        <v>428</v>
      </c>
      <c r="M173" s="19">
        <f>'[1]年齢別人口市区町村(日本人)'!G206</f>
        <v>497</v>
      </c>
      <c r="N173" s="19">
        <f>'[1]年齢別人口市区町村(外国人)'!G206</f>
        <v>5</v>
      </c>
      <c r="O173" s="19">
        <f>'[1]年齢別人口市区町村(総数)'!G206</f>
        <v>502</v>
      </c>
      <c r="P173" s="19">
        <f>'[1]年齢別人口市区町村(日本人)'!H206</f>
        <v>467</v>
      </c>
      <c r="Q173" s="19">
        <f>'[1]年齢別人口市区町村(外国人)'!H206</f>
        <v>3</v>
      </c>
      <c r="R173" s="19">
        <f>'[1]年齢別人口市区町村(総数)'!H206</f>
        <v>470</v>
      </c>
      <c r="S173" s="19">
        <f>'[1]年齢別人口市区町村(日本人)'!I206</f>
        <v>408</v>
      </c>
      <c r="T173" s="19">
        <f>'[1]年齢別人口市区町村(外国人)'!I206</f>
        <v>21</v>
      </c>
      <c r="U173" s="19">
        <f>'[1]年齢別人口市区町村(総数)'!I206</f>
        <v>429</v>
      </c>
      <c r="V173" s="19">
        <f>'[1]年齢別人口市区町村(日本人)'!J206</f>
        <v>380</v>
      </c>
      <c r="W173" s="19">
        <f>'[1]年齢別人口市区町村(外国人)'!J206</f>
        <v>16</v>
      </c>
      <c r="X173" s="19">
        <f>'[1]年齢別人口市区町村(総数)'!J206</f>
        <v>396</v>
      </c>
      <c r="Y173" s="19">
        <f>'[1]年齢別人口市区町村(日本人)'!K206</f>
        <v>444</v>
      </c>
      <c r="Z173" s="19">
        <f>'[1]年齢別人口市区町村(外国人)'!K206</f>
        <v>12</v>
      </c>
      <c r="AA173" s="19">
        <f>'[1]年齢別人口市区町村(総数)'!K206</f>
        <v>456</v>
      </c>
      <c r="AB173" s="19">
        <f>'[1]年齢別人口市区町村(日本人)'!L206</f>
        <v>504</v>
      </c>
      <c r="AC173" s="19">
        <f>'[1]年齢別人口市区町村(外国人)'!L206</f>
        <v>12</v>
      </c>
      <c r="AD173" s="19">
        <f>'[1]年齢別人口市区町村(総数)'!L206</f>
        <v>516</v>
      </c>
      <c r="AE173" s="19">
        <f>'[1]年齢別人口市区町村(日本人)'!M206</f>
        <v>646</v>
      </c>
      <c r="AF173" s="19">
        <f>'[1]年齢別人口市区町村(外国人)'!M206</f>
        <v>10</v>
      </c>
      <c r="AG173" s="19">
        <f>'[1]年齢別人口市区町村(総数)'!M206</f>
        <v>656</v>
      </c>
      <c r="AH173" s="19">
        <f>'[1]年齢別人口市区町村(日本人)'!N206</f>
        <v>667</v>
      </c>
      <c r="AI173" s="19">
        <f>'[1]年齢別人口市区町村(外国人)'!N206</f>
        <v>3</v>
      </c>
      <c r="AJ173" s="19">
        <f>'[1]年齢別人口市区町村(総数)'!N206</f>
        <v>670</v>
      </c>
      <c r="AK173" s="19">
        <f>'[1]年齢別人口市区町村(日本人)'!O206</f>
        <v>836</v>
      </c>
      <c r="AL173" s="19">
        <f>'[1]年齢別人口市区町村(外国人)'!O206</f>
        <v>6</v>
      </c>
      <c r="AM173" s="19">
        <f>'[1]年齢別人口市区町村(総数)'!O206</f>
        <v>842</v>
      </c>
      <c r="AN173" s="19">
        <f>'[1]年齢別人口市区町村(日本人)'!P206</f>
        <v>684</v>
      </c>
      <c r="AO173" s="19">
        <f>'[1]年齢別人口市区町村(外国人)'!P206</f>
        <v>6</v>
      </c>
      <c r="AP173" s="19">
        <f>'[1]年齢別人口市区町村(総数)'!P206</f>
        <v>690</v>
      </c>
      <c r="AQ173" s="19">
        <f>'[1]年齢別人口市区町村(日本人)'!Q206</f>
        <v>548</v>
      </c>
      <c r="AR173" s="19">
        <f>'[1]年齢別人口市区町村(外国人)'!Q206</f>
        <v>6</v>
      </c>
      <c r="AS173" s="19">
        <f>'[1]年齢別人口市区町村(総数)'!Q206</f>
        <v>554</v>
      </c>
      <c r="AT173" s="19">
        <f>'[1]年齢別人口市区町村(日本人)'!R206</f>
        <v>448</v>
      </c>
      <c r="AU173" s="19">
        <f>'[1]年齢別人口市区町村(外国人)'!R206</f>
        <v>3</v>
      </c>
      <c r="AV173" s="19">
        <f>'[1]年齢別人口市区町村(総数)'!R206</f>
        <v>451</v>
      </c>
      <c r="AW173" s="19">
        <f>'[1]年齢別人口市区町村(日本人)'!S206</f>
        <v>446</v>
      </c>
      <c r="AX173" s="19">
        <f>'[1]年齢別人口市区町村(外国人)'!S206</f>
        <v>2</v>
      </c>
      <c r="AY173" s="19">
        <f>'[1]年齢別人口市区町村(総数)'!S206</f>
        <v>448</v>
      </c>
      <c r="AZ173" s="19">
        <f>'[1]年齢別人口市区町村(日本人)'!T206</f>
        <v>489</v>
      </c>
      <c r="BA173" s="19">
        <f>'[1]年齢別人口市区町村(外国人)'!T206</f>
        <v>0</v>
      </c>
      <c r="BB173" s="19">
        <f>'[1]年齢別人口市区町村(総数)'!T206</f>
        <v>489</v>
      </c>
      <c r="BC173" s="19">
        <f>'[1]年齢別人口市区町村(日本人)'!U206</f>
        <v>354</v>
      </c>
      <c r="BD173" s="19">
        <f>'[1]年齢別人口市区町村(外国人)'!U206</f>
        <v>0</v>
      </c>
      <c r="BE173" s="19">
        <f>'[1]年齢別人口市区町村(総数)'!U206</f>
        <v>354</v>
      </c>
      <c r="BF173" s="19">
        <f>'[1]年齢別人口市区町村(日本人)'!V206</f>
        <v>226</v>
      </c>
      <c r="BG173" s="19">
        <f>'[1]年齢別人口市区町村(外国人)'!V206</f>
        <v>0</v>
      </c>
      <c r="BH173" s="19">
        <f>'[1]年齢別人口市区町村(総数)'!V206</f>
        <v>226</v>
      </c>
      <c r="BI173" s="19">
        <f>'[1]年齢別人口市区町村(日本人)'!W206</f>
        <v>72</v>
      </c>
      <c r="BJ173" s="19">
        <f>'[1]年齢別人口市区町村(外国人)'!W206</f>
        <v>0</v>
      </c>
      <c r="BK173" s="19">
        <f>'[1]年齢別人口市区町村(総数)'!W206</f>
        <v>72</v>
      </c>
      <c r="BL173" s="19">
        <f>'[1]年齢別人口市区町村(日本人)'!X206</f>
        <v>12</v>
      </c>
      <c r="BM173" s="19">
        <f>'[1]年齢別人口市区町村(外国人)'!X206</f>
        <v>0</v>
      </c>
      <c r="BN173" s="19">
        <f>'[1]年齢別人口市区町村(総数)'!X206</f>
        <v>12</v>
      </c>
      <c r="BO173" s="19">
        <f>'[1]年齢別人口市区町村(日本人)'!Y206</f>
        <v>3</v>
      </c>
      <c r="BP173" s="19">
        <f>'[1]年齢別人口市区町村(外国人)'!Y206</f>
        <v>0</v>
      </c>
      <c r="BQ173" s="60">
        <f>'[1]年齢別人口市区町村(総数)'!Y206</f>
        <v>3</v>
      </c>
    </row>
    <row r="174" spans="1:69" x14ac:dyDescent="0.15">
      <c r="A174" s="16" t="s">
        <v>86</v>
      </c>
      <c r="B174" s="21" t="s">
        <v>31</v>
      </c>
      <c r="C174" s="46"/>
      <c r="D174" s="22">
        <f>'[1]年齢別人口市区町村(日本人)'!D207</f>
        <v>9401</v>
      </c>
      <c r="E174" s="23">
        <f>'[1]年齢別人口市区町村(外国人)'!D207</f>
        <v>134</v>
      </c>
      <c r="F174" s="24">
        <f>'[1]年齢別人口市区町村(総数)'!D207</f>
        <v>9535</v>
      </c>
      <c r="G174" s="23">
        <f>'[1]年齢別人口市区町村(日本人)'!E207</f>
        <v>356</v>
      </c>
      <c r="H174" s="23">
        <f>'[1]年齢別人口市区町村(外国人)'!E207</f>
        <v>6</v>
      </c>
      <c r="I174" s="24">
        <f>'[1]年齢別人口市区町村(総数)'!E207</f>
        <v>362</v>
      </c>
      <c r="J174" s="23">
        <f>'[1]年齢別人口市区町村(日本人)'!F207</f>
        <v>448</v>
      </c>
      <c r="K174" s="23">
        <f>'[1]年齢別人口市区町村(外国人)'!F207</f>
        <v>2</v>
      </c>
      <c r="L174" s="24">
        <f>'[1]年齢別人口市区町村(総数)'!F207</f>
        <v>450</v>
      </c>
      <c r="M174" s="23">
        <f>'[1]年齢別人口市区町村(日本人)'!G207</f>
        <v>475</v>
      </c>
      <c r="N174" s="23">
        <f>'[1]年齢別人口市区町村(外国人)'!G207</f>
        <v>1</v>
      </c>
      <c r="O174" s="24">
        <f>'[1]年齢別人口市区町村(総数)'!G207</f>
        <v>476</v>
      </c>
      <c r="P174" s="23">
        <f>'[1]年齢別人口市区町村(日本人)'!H207</f>
        <v>454</v>
      </c>
      <c r="Q174" s="23">
        <f>'[1]年齢別人口市区町村(外国人)'!H207</f>
        <v>3</v>
      </c>
      <c r="R174" s="24">
        <f>'[1]年齢別人口市区町村(総数)'!H207</f>
        <v>457</v>
      </c>
      <c r="S174" s="23">
        <f>'[1]年齢別人口市区町村(日本人)'!I207</f>
        <v>423</v>
      </c>
      <c r="T174" s="23">
        <f>'[1]年齢別人口市区町村(外国人)'!I207</f>
        <v>15</v>
      </c>
      <c r="U174" s="24">
        <f>'[1]年齢別人口市区町村(総数)'!I207</f>
        <v>438</v>
      </c>
      <c r="V174" s="23">
        <f>'[1]年齢別人口市区町村(日本人)'!J207</f>
        <v>357</v>
      </c>
      <c r="W174" s="23">
        <f>'[1]年齢別人口市区町村(外国人)'!J207</f>
        <v>22</v>
      </c>
      <c r="X174" s="24">
        <f>'[1]年齢別人口市区町村(総数)'!J207</f>
        <v>379</v>
      </c>
      <c r="Y174" s="23">
        <f>'[1]年齢別人口市区町村(日本人)'!K207</f>
        <v>451</v>
      </c>
      <c r="Z174" s="23">
        <f>'[1]年齢別人口市区町村(外国人)'!K207</f>
        <v>20</v>
      </c>
      <c r="AA174" s="24">
        <f>'[1]年齢別人口市区町村(総数)'!K207</f>
        <v>471</v>
      </c>
      <c r="AB174" s="23">
        <f>'[1]年齢別人口市区町村(日本人)'!L207</f>
        <v>484</v>
      </c>
      <c r="AC174" s="23">
        <f>'[1]年齢別人口市区町村(外国人)'!L207</f>
        <v>14</v>
      </c>
      <c r="AD174" s="24">
        <f>'[1]年齢別人口市区町村(総数)'!L207</f>
        <v>498</v>
      </c>
      <c r="AE174" s="23">
        <f>'[1]年齢別人口市区町村(日本人)'!M207</f>
        <v>647</v>
      </c>
      <c r="AF174" s="23">
        <f>'[1]年齢別人口市区町村(外国人)'!M207</f>
        <v>10</v>
      </c>
      <c r="AG174" s="24">
        <f>'[1]年齢別人口市区町村(総数)'!M207</f>
        <v>657</v>
      </c>
      <c r="AH174" s="23">
        <f>'[1]年齢別人口市区町村(日本人)'!N207</f>
        <v>669</v>
      </c>
      <c r="AI174" s="23">
        <f>'[1]年齢別人口市区町村(外国人)'!N207</f>
        <v>9</v>
      </c>
      <c r="AJ174" s="24">
        <f>'[1]年齢別人口市区町村(総数)'!N207</f>
        <v>678</v>
      </c>
      <c r="AK174" s="23">
        <f>'[1]年齢別人口市区町村(日本人)'!O207</f>
        <v>778</v>
      </c>
      <c r="AL174" s="23">
        <f>'[1]年齢別人口市区町村(外国人)'!O207</f>
        <v>7</v>
      </c>
      <c r="AM174" s="24">
        <f>'[1]年齢別人口市区町村(総数)'!O207</f>
        <v>785</v>
      </c>
      <c r="AN174" s="23">
        <f>'[1]年齢別人口市区町村(日本人)'!P207</f>
        <v>645</v>
      </c>
      <c r="AO174" s="23">
        <f>'[1]年齢別人口市区町村(外国人)'!P207</f>
        <v>10</v>
      </c>
      <c r="AP174" s="24">
        <f>'[1]年齢別人口市区町村(総数)'!P207</f>
        <v>655</v>
      </c>
      <c r="AQ174" s="23">
        <f>'[1]年齢別人口市区町村(日本人)'!Q207</f>
        <v>551</v>
      </c>
      <c r="AR174" s="23">
        <f>'[1]年齢別人口市区町村(外国人)'!Q207</f>
        <v>10</v>
      </c>
      <c r="AS174" s="24">
        <f>'[1]年齢別人口市区町村(総数)'!Q207</f>
        <v>561</v>
      </c>
      <c r="AT174" s="23">
        <f>'[1]年齢別人口市区町村(日本人)'!R207</f>
        <v>440</v>
      </c>
      <c r="AU174" s="23">
        <f>'[1]年齢別人口市区町村(外国人)'!R207</f>
        <v>2</v>
      </c>
      <c r="AV174" s="24">
        <f>'[1]年齢別人口市区町村(総数)'!R207</f>
        <v>442</v>
      </c>
      <c r="AW174" s="23">
        <f>'[1]年齢別人口市区町村(日本人)'!S207</f>
        <v>535</v>
      </c>
      <c r="AX174" s="23">
        <f>'[1]年齢別人口市区町村(外国人)'!S207</f>
        <v>2</v>
      </c>
      <c r="AY174" s="24">
        <f>'[1]年齢別人口市区町村(総数)'!S207</f>
        <v>537</v>
      </c>
      <c r="AZ174" s="23">
        <f>'[1]年齢別人口市区町村(日本人)'!T207</f>
        <v>608</v>
      </c>
      <c r="BA174" s="23">
        <f>'[1]年齢別人口市区町村(外国人)'!T207</f>
        <v>0</v>
      </c>
      <c r="BB174" s="24">
        <f>'[1]年齢別人口市区町村(総数)'!T207</f>
        <v>608</v>
      </c>
      <c r="BC174" s="23">
        <f>'[1]年齢別人口市区町村(日本人)'!U207</f>
        <v>501</v>
      </c>
      <c r="BD174" s="23">
        <f>'[1]年齢別人口市区町村(外国人)'!U207</f>
        <v>0</v>
      </c>
      <c r="BE174" s="24">
        <f>'[1]年齢別人口市区町村(総数)'!U207</f>
        <v>501</v>
      </c>
      <c r="BF174" s="23">
        <f>'[1]年齢別人口市区町村(日本人)'!V207</f>
        <v>309</v>
      </c>
      <c r="BG174" s="23">
        <f>'[1]年齢別人口市区町村(外国人)'!V207</f>
        <v>1</v>
      </c>
      <c r="BH174" s="24">
        <f>'[1]年齢別人口市区町村(総数)'!V207</f>
        <v>310</v>
      </c>
      <c r="BI174" s="23">
        <f>'[1]年齢別人口市区町村(日本人)'!W207</f>
        <v>194</v>
      </c>
      <c r="BJ174" s="23">
        <f>'[1]年齢別人口市区町村(外国人)'!W207</f>
        <v>0</v>
      </c>
      <c r="BK174" s="24">
        <f>'[1]年齢別人口市区町村(総数)'!W207</f>
        <v>194</v>
      </c>
      <c r="BL174" s="23">
        <f>'[1]年齢別人口市区町村(日本人)'!X207</f>
        <v>61</v>
      </c>
      <c r="BM174" s="23">
        <f>'[1]年齢別人口市区町村(外国人)'!X207</f>
        <v>0</v>
      </c>
      <c r="BN174" s="24">
        <f>'[1]年齢別人口市区町村(総数)'!X207</f>
        <v>61</v>
      </c>
      <c r="BO174" s="23">
        <f>'[1]年齢別人口市区町村(日本人)'!Y207</f>
        <v>15</v>
      </c>
      <c r="BP174" s="23">
        <f>'[1]年齢別人口市区町村(外国人)'!Y207</f>
        <v>0</v>
      </c>
      <c r="BQ174" s="61">
        <f>'[1]年齢別人口市区町村(総数)'!Y207</f>
        <v>15</v>
      </c>
    </row>
    <row r="175" spans="1:69" ht="15" thickBot="1" x14ac:dyDescent="0.2">
      <c r="A175" s="35"/>
      <c r="B175" s="25" t="s">
        <v>32</v>
      </c>
      <c r="C175" s="47"/>
      <c r="D175" s="26">
        <f>'[1]年齢別人口市区町村(日本人)'!D205</f>
        <v>18294</v>
      </c>
      <c r="E175" s="27">
        <f>'[1]年齢別人口市区町村(外国人)'!D205</f>
        <v>245</v>
      </c>
      <c r="F175" s="28">
        <f>'[1]年齢別人口市区町村(総数)'!D205</f>
        <v>18539</v>
      </c>
      <c r="G175" s="27">
        <f>'[1]年齢別人口市区町村(日本人)'!E205</f>
        <v>693</v>
      </c>
      <c r="H175" s="27">
        <f>'[1]年齢別人口市区町村(外国人)'!E205</f>
        <v>9</v>
      </c>
      <c r="I175" s="28">
        <f>'[1]年齢別人口市区町村(総数)'!E205</f>
        <v>702</v>
      </c>
      <c r="J175" s="27">
        <f>'[1]年齢別人口市区町村(日本人)'!F205</f>
        <v>873</v>
      </c>
      <c r="K175" s="27">
        <f>'[1]年齢別人口市区町村(外国人)'!F205</f>
        <v>5</v>
      </c>
      <c r="L175" s="28">
        <f>'[1]年齢別人口市区町村(総数)'!F205</f>
        <v>878</v>
      </c>
      <c r="M175" s="27">
        <f>'[1]年齢別人口市区町村(日本人)'!G205</f>
        <v>972</v>
      </c>
      <c r="N175" s="27">
        <f>'[1]年齢別人口市区町村(外国人)'!G205</f>
        <v>6</v>
      </c>
      <c r="O175" s="28">
        <f>'[1]年齢別人口市区町村(総数)'!G205</f>
        <v>978</v>
      </c>
      <c r="P175" s="27">
        <f>'[1]年齢別人口市区町村(日本人)'!H205</f>
        <v>921</v>
      </c>
      <c r="Q175" s="27">
        <f>'[1]年齢別人口市区町村(外国人)'!H205</f>
        <v>6</v>
      </c>
      <c r="R175" s="28">
        <f>'[1]年齢別人口市区町村(総数)'!H205</f>
        <v>927</v>
      </c>
      <c r="S175" s="27">
        <f>'[1]年齢別人口市区町村(日本人)'!I205</f>
        <v>831</v>
      </c>
      <c r="T175" s="27">
        <f>'[1]年齢別人口市区町村(外国人)'!I205</f>
        <v>36</v>
      </c>
      <c r="U175" s="28">
        <f>'[1]年齢別人口市区町村(総数)'!I205</f>
        <v>867</v>
      </c>
      <c r="V175" s="27">
        <f>'[1]年齢別人口市区町村(日本人)'!J205</f>
        <v>737</v>
      </c>
      <c r="W175" s="27">
        <f>'[1]年齢別人口市区町村(外国人)'!J205</f>
        <v>38</v>
      </c>
      <c r="X175" s="28">
        <f>'[1]年齢別人口市区町村(総数)'!J205</f>
        <v>775</v>
      </c>
      <c r="Y175" s="27">
        <f>'[1]年齢別人口市区町村(日本人)'!K205</f>
        <v>895</v>
      </c>
      <c r="Z175" s="27">
        <f>'[1]年齢別人口市区町村(外国人)'!K205</f>
        <v>32</v>
      </c>
      <c r="AA175" s="28">
        <f>'[1]年齢別人口市区町村(総数)'!K205</f>
        <v>927</v>
      </c>
      <c r="AB175" s="27">
        <f>'[1]年齢別人口市区町村(日本人)'!L205</f>
        <v>988</v>
      </c>
      <c r="AC175" s="27">
        <f>'[1]年齢別人口市区町村(外国人)'!L205</f>
        <v>26</v>
      </c>
      <c r="AD175" s="28">
        <f>'[1]年齢別人口市区町村(総数)'!L205</f>
        <v>1014</v>
      </c>
      <c r="AE175" s="27">
        <f>'[1]年齢別人口市区町村(日本人)'!M205</f>
        <v>1293</v>
      </c>
      <c r="AF175" s="27">
        <f>'[1]年齢別人口市区町村(外国人)'!M205</f>
        <v>20</v>
      </c>
      <c r="AG175" s="28">
        <f>'[1]年齢別人口市区町村(総数)'!M205</f>
        <v>1313</v>
      </c>
      <c r="AH175" s="27">
        <f>'[1]年齢別人口市区町村(日本人)'!N205</f>
        <v>1336</v>
      </c>
      <c r="AI175" s="27">
        <f>'[1]年齢別人口市区町村(外国人)'!N205</f>
        <v>12</v>
      </c>
      <c r="AJ175" s="28">
        <f>'[1]年齢別人口市区町村(総数)'!N205</f>
        <v>1348</v>
      </c>
      <c r="AK175" s="27">
        <f>'[1]年齢別人口市区町村(日本人)'!O205</f>
        <v>1614</v>
      </c>
      <c r="AL175" s="27">
        <f>'[1]年齢別人口市区町村(外国人)'!O205</f>
        <v>13</v>
      </c>
      <c r="AM175" s="28">
        <f>'[1]年齢別人口市区町村(総数)'!O205</f>
        <v>1627</v>
      </c>
      <c r="AN175" s="27">
        <f>'[1]年齢別人口市区町村(日本人)'!P205</f>
        <v>1329</v>
      </c>
      <c r="AO175" s="27">
        <f>'[1]年齢別人口市区町村(外国人)'!P205</f>
        <v>16</v>
      </c>
      <c r="AP175" s="28">
        <f>'[1]年齢別人口市区町村(総数)'!P205</f>
        <v>1345</v>
      </c>
      <c r="AQ175" s="27">
        <f>'[1]年齢別人口市区町村(日本人)'!Q205</f>
        <v>1099</v>
      </c>
      <c r="AR175" s="27">
        <f>'[1]年齢別人口市区町村(外国人)'!Q205</f>
        <v>16</v>
      </c>
      <c r="AS175" s="28">
        <f>'[1]年齢別人口市区町村(総数)'!Q205</f>
        <v>1115</v>
      </c>
      <c r="AT175" s="27">
        <f>'[1]年齢別人口市区町村(日本人)'!R205</f>
        <v>888</v>
      </c>
      <c r="AU175" s="27">
        <f>'[1]年齢別人口市区町村(外国人)'!R205</f>
        <v>5</v>
      </c>
      <c r="AV175" s="28">
        <f>'[1]年齢別人口市区町村(総数)'!R205</f>
        <v>893</v>
      </c>
      <c r="AW175" s="27">
        <f>'[1]年齢別人口市区町村(日本人)'!S205</f>
        <v>981</v>
      </c>
      <c r="AX175" s="27">
        <f>'[1]年齢別人口市区町村(外国人)'!S205</f>
        <v>4</v>
      </c>
      <c r="AY175" s="28">
        <f>'[1]年齢別人口市区町村(総数)'!S205</f>
        <v>985</v>
      </c>
      <c r="AZ175" s="27">
        <f>'[1]年齢別人口市区町村(日本人)'!T205</f>
        <v>1097</v>
      </c>
      <c r="BA175" s="27">
        <f>'[1]年齢別人口市区町村(外国人)'!T205</f>
        <v>0</v>
      </c>
      <c r="BB175" s="28">
        <f>'[1]年齢別人口市区町村(総数)'!T205</f>
        <v>1097</v>
      </c>
      <c r="BC175" s="27">
        <f>'[1]年齢別人口市区町村(日本人)'!U205</f>
        <v>855</v>
      </c>
      <c r="BD175" s="27">
        <f>'[1]年齢別人口市区町村(外国人)'!U205</f>
        <v>0</v>
      </c>
      <c r="BE175" s="28">
        <f>'[1]年齢別人口市区町村(総数)'!U205</f>
        <v>855</v>
      </c>
      <c r="BF175" s="27">
        <f>'[1]年齢別人口市区町村(日本人)'!V205</f>
        <v>535</v>
      </c>
      <c r="BG175" s="27">
        <f>'[1]年齢別人口市区町村(外国人)'!V205</f>
        <v>1</v>
      </c>
      <c r="BH175" s="28">
        <f>'[1]年齢別人口市区町村(総数)'!V205</f>
        <v>536</v>
      </c>
      <c r="BI175" s="27">
        <f>'[1]年齢別人口市区町村(日本人)'!W205</f>
        <v>266</v>
      </c>
      <c r="BJ175" s="27">
        <f>'[1]年齢別人口市区町村(外国人)'!W205</f>
        <v>0</v>
      </c>
      <c r="BK175" s="28">
        <f>'[1]年齢別人口市区町村(総数)'!W205</f>
        <v>266</v>
      </c>
      <c r="BL175" s="27">
        <f>'[1]年齢別人口市区町村(日本人)'!X205</f>
        <v>73</v>
      </c>
      <c r="BM175" s="27">
        <f>'[1]年齢別人口市区町村(外国人)'!X205</f>
        <v>0</v>
      </c>
      <c r="BN175" s="28">
        <f>'[1]年齢別人口市区町村(総数)'!X205</f>
        <v>73</v>
      </c>
      <c r="BO175" s="27">
        <f>'[1]年齢別人口市区町村(日本人)'!Y205</f>
        <v>18</v>
      </c>
      <c r="BP175" s="27">
        <f>'[1]年齢別人口市区町村(外国人)'!Y205</f>
        <v>0</v>
      </c>
      <c r="BQ175" s="62">
        <f>'[1]年齢別人口市区町村(総数)'!Y205</f>
        <v>18</v>
      </c>
    </row>
    <row r="176" spans="1:69" x14ac:dyDescent="0.15">
      <c r="A176" s="16"/>
      <c r="B176" s="17" t="s">
        <v>29</v>
      </c>
      <c r="C176" s="45">
        <v>143821</v>
      </c>
      <c r="D176" s="18">
        <f>'[1]年齢別人口市区町村(日本人)'!D213</f>
        <v>4549</v>
      </c>
      <c r="E176" s="19">
        <f>'[1]年齢別人口市区町村(外国人)'!D213</f>
        <v>614</v>
      </c>
      <c r="F176" s="19">
        <f>'[1]年齢別人口市区町村(総数)'!D213</f>
        <v>5163</v>
      </c>
      <c r="G176" s="19">
        <f>'[1]年齢別人口市区町村(日本人)'!E213</f>
        <v>56</v>
      </c>
      <c r="H176" s="19">
        <f>'[1]年齢別人口市区町村(外国人)'!E213</f>
        <v>22</v>
      </c>
      <c r="I176" s="19">
        <f>'[1]年齢別人口市区町村(総数)'!E213</f>
        <v>78</v>
      </c>
      <c r="J176" s="19">
        <f>'[1]年齢別人口市区町村(日本人)'!F213</f>
        <v>89</v>
      </c>
      <c r="K176" s="19">
        <f>'[1]年齢別人口市区町村(外国人)'!F213</f>
        <v>7</v>
      </c>
      <c r="L176" s="19">
        <f>'[1]年齢別人口市区町村(総数)'!F213</f>
        <v>96</v>
      </c>
      <c r="M176" s="19">
        <f>'[1]年齢別人口市区町村(日本人)'!G213</f>
        <v>108</v>
      </c>
      <c r="N176" s="19">
        <f>'[1]年齢別人口市区町村(外国人)'!G213</f>
        <v>4</v>
      </c>
      <c r="O176" s="19">
        <f>'[1]年齢別人口市区町村(総数)'!G213</f>
        <v>112</v>
      </c>
      <c r="P176" s="19">
        <f>'[1]年齢別人口市区町村(日本人)'!H213</f>
        <v>152</v>
      </c>
      <c r="Q176" s="19">
        <f>'[1]年齢別人口市区町村(外国人)'!H213</f>
        <v>10</v>
      </c>
      <c r="R176" s="19">
        <f>'[1]年齢別人口市区町村(総数)'!H213</f>
        <v>162</v>
      </c>
      <c r="S176" s="19">
        <f>'[1]年齢別人口市区町村(日本人)'!I213</f>
        <v>295</v>
      </c>
      <c r="T176" s="19">
        <f>'[1]年齢別人口市区町村(外国人)'!I213</f>
        <v>126</v>
      </c>
      <c r="U176" s="19">
        <f>'[1]年齢別人口市区町村(総数)'!I213</f>
        <v>421</v>
      </c>
      <c r="V176" s="19">
        <f>'[1]年齢別人口市区町村(日本人)'!J213</f>
        <v>226</v>
      </c>
      <c r="W176" s="19">
        <f>'[1]年齢別人口市区町村(外国人)'!J213</f>
        <v>173</v>
      </c>
      <c r="X176" s="19">
        <f>'[1]年齢別人口市区町村(総数)'!J213</f>
        <v>399</v>
      </c>
      <c r="Y176" s="19">
        <f>'[1]年齢別人口市区町村(日本人)'!K213</f>
        <v>180</v>
      </c>
      <c r="Z176" s="19">
        <f>'[1]年齢別人口市区町村(外国人)'!K213</f>
        <v>135</v>
      </c>
      <c r="AA176" s="19">
        <f>'[1]年齢別人口市区町村(総数)'!K213</f>
        <v>315</v>
      </c>
      <c r="AB176" s="19">
        <f>'[1]年齢別人口市区町村(日本人)'!L213</f>
        <v>189</v>
      </c>
      <c r="AC176" s="19">
        <f>'[1]年齢別人口市区町村(外国人)'!L213</f>
        <v>69</v>
      </c>
      <c r="AD176" s="19">
        <f>'[1]年齢別人口市区町村(総数)'!L213</f>
        <v>258</v>
      </c>
      <c r="AE176" s="19">
        <f>'[1]年齢別人口市区町村(日本人)'!M213</f>
        <v>227</v>
      </c>
      <c r="AF176" s="19">
        <f>'[1]年齢別人口市区町村(外国人)'!M213</f>
        <v>20</v>
      </c>
      <c r="AG176" s="19">
        <f>'[1]年齢別人口市区町村(総数)'!M213</f>
        <v>247</v>
      </c>
      <c r="AH176" s="19">
        <f>'[1]年齢別人口市区町村(日本人)'!N213</f>
        <v>246</v>
      </c>
      <c r="AI176" s="19">
        <f>'[1]年齢別人口市区町村(外国人)'!N213</f>
        <v>9</v>
      </c>
      <c r="AJ176" s="19">
        <f>'[1]年齢別人口市区町村(総数)'!N213</f>
        <v>255</v>
      </c>
      <c r="AK176" s="19">
        <f>'[1]年齢別人口市区町村(日本人)'!O213</f>
        <v>336</v>
      </c>
      <c r="AL176" s="19">
        <f>'[1]年齢別人口市区町村(外国人)'!O213</f>
        <v>9</v>
      </c>
      <c r="AM176" s="19">
        <f>'[1]年齢別人口市区町村(総数)'!O213</f>
        <v>345</v>
      </c>
      <c r="AN176" s="19">
        <f>'[1]年齢別人口市区町村(日本人)'!P213</f>
        <v>346</v>
      </c>
      <c r="AO176" s="19">
        <f>'[1]年齢別人口市区町村(外国人)'!P213</f>
        <v>6</v>
      </c>
      <c r="AP176" s="19">
        <f>'[1]年齢別人口市区町村(総数)'!P213</f>
        <v>352</v>
      </c>
      <c r="AQ176" s="19">
        <f>'[1]年齢別人口市区町村(日本人)'!Q213</f>
        <v>363</v>
      </c>
      <c r="AR176" s="19">
        <f>'[1]年齢別人口市区町村(外国人)'!Q213</f>
        <v>9</v>
      </c>
      <c r="AS176" s="19">
        <f>'[1]年齢別人口市区町村(総数)'!Q213</f>
        <v>372</v>
      </c>
      <c r="AT176" s="19">
        <f>'[1]年齢別人口市区町村(日本人)'!R213</f>
        <v>352</v>
      </c>
      <c r="AU176" s="19">
        <f>'[1]年齢別人口市区町村(外国人)'!R213</f>
        <v>5</v>
      </c>
      <c r="AV176" s="19">
        <f>'[1]年齢別人口市区町村(総数)'!R213</f>
        <v>357</v>
      </c>
      <c r="AW176" s="19">
        <f>'[1]年齢別人口市区町村(日本人)'!S213</f>
        <v>405</v>
      </c>
      <c r="AX176" s="19">
        <f>'[1]年齢別人口市区町村(外国人)'!S213</f>
        <v>6</v>
      </c>
      <c r="AY176" s="19">
        <f>'[1]年齢別人口市区町村(総数)'!S213</f>
        <v>411</v>
      </c>
      <c r="AZ176" s="19">
        <f>'[1]年齢別人口市区町村(日本人)'!T213</f>
        <v>453</v>
      </c>
      <c r="BA176" s="19">
        <f>'[1]年齢別人口市区町村(外国人)'!T213</f>
        <v>3</v>
      </c>
      <c r="BB176" s="19">
        <f>'[1]年齢別人口市区町村(総数)'!T213</f>
        <v>456</v>
      </c>
      <c r="BC176" s="19">
        <f>'[1]年齢別人口市区町村(日本人)'!U213</f>
        <v>297</v>
      </c>
      <c r="BD176" s="19">
        <f>'[1]年齢別人口市区町村(外国人)'!U213</f>
        <v>1</v>
      </c>
      <c r="BE176" s="19">
        <f>'[1]年齢別人口市区町村(総数)'!U213</f>
        <v>298</v>
      </c>
      <c r="BF176" s="19">
        <f>'[1]年齢別人口市区町村(日本人)'!V213</f>
        <v>158</v>
      </c>
      <c r="BG176" s="19">
        <f>'[1]年齢別人口市区町村(外国人)'!V213</f>
        <v>0</v>
      </c>
      <c r="BH176" s="19">
        <f>'[1]年齢別人口市区町村(総数)'!V213</f>
        <v>158</v>
      </c>
      <c r="BI176" s="19">
        <f>'[1]年齢別人口市区町村(日本人)'!W213</f>
        <v>60</v>
      </c>
      <c r="BJ176" s="19">
        <f>'[1]年齢別人口市区町村(外国人)'!W213</f>
        <v>0</v>
      </c>
      <c r="BK176" s="19">
        <f>'[1]年齢別人口市区町村(総数)'!W213</f>
        <v>60</v>
      </c>
      <c r="BL176" s="19">
        <f>'[1]年齢別人口市区町村(日本人)'!X213</f>
        <v>10</v>
      </c>
      <c r="BM176" s="19">
        <f>'[1]年齢別人口市区町村(外国人)'!X213</f>
        <v>0</v>
      </c>
      <c r="BN176" s="19">
        <f>'[1]年齢別人口市区町村(総数)'!X213</f>
        <v>10</v>
      </c>
      <c r="BO176" s="19">
        <f>'[1]年齢別人口市区町村(日本人)'!Y213</f>
        <v>1</v>
      </c>
      <c r="BP176" s="19">
        <f>'[1]年齢別人口市区町村(外国人)'!Y213</f>
        <v>0</v>
      </c>
      <c r="BQ176" s="60">
        <f>'[1]年齢別人口市区町村(総数)'!Y213</f>
        <v>1</v>
      </c>
    </row>
    <row r="177" spans="1:69" x14ac:dyDescent="0.15">
      <c r="A177" s="16" t="s">
        <v>87</v>
      </c>
      <c r="B177" s="21" t="s">
        <v>31</v>
      </c>
      <c r="C177" s="46"/>
      <c r="D177" s="22">
        <f>'[1]年齢別人口市区町村(日本人)'!D214</f>
        <v>4783</v>
      </c>
      <c r="E177" s="23">
        <f>'[1]年齢別人口市区町村(外国人)'!D214</f>
        <v>773</v>
      </c>
      <c r="F177" s="24">
        <f>'[1]年齢別人口市区町村(総数)'!D214</f>
        <v>5556</v>
      </c>
      <c r="G177" s="23">
        <f>'[1]年齢別人口市区町村(日本人)'!E214</f>
        <v>41</v>
      </c>
      <c r="H177" s="23">
        <f>'[1]年齢別人口市区町村(外国人)'!E214</f>
        <v>25</v>
      </c>
      <c r="I177" s="24">
        <f>'[1]年齢別人口市区町村(総数)'!E214</f>
        <v>66</v>
      </c>
      <c r="J177" s="23">
        <f>'[1]年齢別人口市区町村(日本人)'!F214</f>
        <v>82</v>
      </c>
      <c r="K177" s="23">
        <f>'[1]年齢別人口市区町村(外国人)'!F214</f>
        <v>9</v>
      </c>
      <c r="L177" s="24">
        <f>'[1]年齢別人口市区町村(総数)'!F214</f>
        <v>91</v>
      </c>
      <c r="M177" s="23">
        <f>'[1]年齢別人口市区町村(日本人)'!G214</f>
        <v>111</v>
      </c>
      <c r="N177" s="23">
        <f>'[1]年齢別人口市区町村(外国人)'!G214</f>
        <v>1</v>
      </c>
      <c r="O177" s="24">
        <f>'[1]年齢別人口市区町村(総数)'!G214</f>
        <v>112</v>
      </c>
      <c r="P177" s="23">
        <f>'[1]年齢別人口市区町村(日本人)'!H214</f>
        <v>156</v>
      </c>
      <c r="Q177" s="23">
        <f>'[1]年齢別人口市区町村(外国人)'!H214</f>
        <v>4</v>
      </c>
      <c r="R177" s="24">
        <f>'[1]年齢別人口市区町村(総数)'!H214</f>
        <v>160</v>
      </c>
      <c r="S177" s="23">
        <f>'[1]年齢別人口市区町村(日本人)'!I214</f>
        <v>342</v>
      </c>
      <c r="T177" s="23">
        <f>'[1]年齢別人口市区町村(外国人)'!I214</f>
        <v>194</v>
      </c>
      <c r="U177" s="24">
        <f>'[1]年齢別人口市区町村(総数)'!I214</f>
        <v>536</v>
      </c>
      <c r="V177" s="23">
        <f>'[1]年齢別人口市区町村(日本人)'!J214</f>
        <v>182</v>
      </c>
      <c r="W177" s="23">
        <f>'[1]年齢別人口市区町村(外国人)'!J214</f>
        <v>255</v>
      </c>
      <c r="X177" s="24">
        <f>'[1]年齢別人口市区町村(総数)'!J214</f>
        <v>437</v>
      </c>
      <c r="Y177" s="23">
        <f>'[1]年齢別人口市区町村(日本人)'!K214</f>
        <v>142</v>
      </c>
      <c r="Z177" s="23">
        <f>'[1]年齢別人口市区町村(外国人)'!K214</f>
        <v>163</v>
      </c>
      <c r="AA177" s="24">
        <f>'[1]年齢別人口市区町村(総数)'!K214</f>
        <v>305</v>
      </c>
      <c r="AB177" s="23">
        <f>'[1]年齢別人口市区町村(日本人)'!L214</f>
        <v>160</v>
      </c>
      <c r="AC177" s="23">
        <f>'[1]年齢別人口市区町村(外国人)'!L214</f>
        <v>52</v>
      </c>
      <c r="AD177" s="24">
        <f>'[1]年齢別人口市区町村(総数)'!L214</f>
        <v>212</v>
      </c>
      <c r="AE177" s="23">
        <f>'[1]年齢別人口市区町村(日本人)'!M214</f>
        <v>150</v>
      </c>
      <c r="AF177" s="23">
        <f>'[1]年齢別人口市区町村(外国人)'!M214</f>
        <v>20</v>
      </c>
      <c r="AG177" s="24">
        <f>'[1]年齢別人口市区町村(総数)'!M214</f>
        <v>170</v>
      </c>
      <c r="AH177" s="23">
        <f>'[1]年齢別人口市区町村(日本人)'!N214</f>
        <v>217</v>
      </c>
      <c r="AI177" s="23">
        <f>'[1]年齢別人口市区町村(外国人)'!N214</f>
        <v>13</v>
      </c>
      <c r="AJ177" s="24">
        <f>'[1]年齢別人口市区町村(総数)'!N214</f>
        <v>230</v>
      </c>
      <c r="AK177" s="23">
        <f>'[1]年齢別人口市区町村(日本人)'!O214</f>
        <v>314</v>
      </c>
      <c r="AL177" s="23">
        <f>'[1]年齢別人口市区町村(外国人)'!O214</f>
        <v>13</v>
      </c>
      <c r="AM177" s="24">
        <f>'[1]年齢別人口市区町村(総数)'!O214</f>
        <v>327</v>
      </c>
      <c r="AN177" s="23">
        <f>'[1]年齢別人口市区町村(日本人)'!P214</f>
        <v>307</v>
      </c>
      <c r="AO177" s="23">
        <f>'[1]年齢別人口市区町村(外国人)'!P214</f>
        <v>7</v>
      </c>
      <c r="AP177" s="24">
        <f>'[1]年齢別人口市区町村(総数)'!P214</f>
        <v>314</v>
      </c>
      <c r="AQ177" s="23">
        <f>'[1]年齢別人口市区町村(日本人)'!Q214</f>
        <v>338</v>
      </c>
      <c r="AR177" s="23">
        <f>'[1]年齢別人口市区町村(外国人)'!Q214</f>
        <v>4</v>
      </c>
      <c r="AS177" s="24">
        <f>'[1]年齢別人口市区町村(総数)'!Q214</f>
        <v>342</v>
      </c>
      <c r="AT177" s="23">
        <f>'[1]年齢別人口市区町村(日本人)'!R214</f>
        <v>352</v>
      </c>
      <c r="AU177" s="23">
        <f>'[1]年齢別人口市区町村(外国人)'!R214</f>
        <v>6</v>
      </c>
      <c r="AV177" s="24">
        <f>'[1]年齢別人口市区町村(総数)'!R214</f>
        <v>358</v>
      </c>
      <c r="AW177" s="23">
        <f>'[1]年齢別人口市区町村(日本人)'!S214</f>
        <v>405</v>
      </c>
      <c r="AX177" s="23">
        <f>'[1]年齢別人口市区町村(外国人)'!S214</f>
        <v>4</v>
      </c>
      <c r="AY177" s="24">
        <f>'[1]年齢別人口市区町村(総数)'!S214</f>
        <v>409</v>
      </c>
      <c r="AZ177" s="23">
        <f>'[1]年齢別人口市区町村(日本人)'!T214</f>
        <v>553</v>
      </c>
      <c r="BA177" s="23">
        <f>'[1]年齢別人口市区町村(外国人)'!T214</f>
        <v>2</v>
      </c>
      <c r="BB177" s="24">
        <f>'[1]年齢別人口市区町村(総数)'!T214</f>
        <v>555</v>
      </c>
      <c r="BC177" s="23">
        <f>'[1]年齢別人口市区町村(日本人)'!U214</f>
        <v>402</v>
      </c>
      <c r="BD177" s="23">
        <f>'[1]年齢別人口市区町村(外国人)'!U214</f>
        <v>1</v>
      </c>
      <c r="BE177" s="24">
        <f>'[1]年齢別人口市区町村(総数)'!U214</f>
        <v>403</v>
      </c>
      <c r="BF177" s="23">
        <f>'[1]年齢別人口市区町村(日本人)'!V214</f>
        <v>284</v>
      </c>
      <c r="BG177" s="23">
        <f>'[1]年齢別人口市区町村(外国人)'!V214</f>
        <v>0</v>
      </c>
      <c r="BH177" s="24">
        <f>'[1]年齢別人口市区町村(総数)'!V214</f>
        <v>284</v>
      </c>
      <c r="BI177" s="23">
        <f>'[1]年齢別人口市区町村(日本人)'!W214</f>
        <v>174</v>
      </c>
      <c r="BJ177" s="23">
        <f>'[1]年齢別人口市区町村(外国人)'!W214</f>
        <v>0</v>
      </c>
      <c r="BK177" s="24">
        <f>'[1]年齢別人口市区町村(総数)'!W214</f>
        <v>174</v>
      </c>
      <c r="BL177" s="23">
        <f>'[1]年齢別人口市区町村(日本人)'!X214</f>
        <v>56</v>
      </c>
      <c r="BM177" s="23">
        <f>'[1]年齢別人口市区町村(外国人)'!X214</f>
        <v>0</v>
      </c>
      <c r="BN177" s="24">
        <f>'[1]年齢別人口市区町村(総数)'!X214</f>
        <v>56</v>
      </c>
      <c r="BO177" s="23">
        <f>'[1]年齢別人口市区町村(日本人)'!Y214</f>
        <v>15</v>
      </c>
      <c r="BP177" s="23">
        <f>'[1]年齢別人口市区町村(外国人)'!Y214</f>
        <v>0</v>
      </c>
      <c r="BQ177" s="61">
        <f>'[1]年齢別人口市区町村(総数)'!Y214</f>
        <v>15</v>
      </c>
    </row>
    <row r="178" spans="1:69" ht="15" thickBot="1" x14ac:dyDescent="0.2">
      <c r="A178" s="35"/>
      <c r="B178" s="25" t="s">
        <v>32</v>
      </c>
      <c r="C178" s="47"/>
      <c r="D178" s="26">
        <f>'[1]年齢別人口市区町村(日本人)'!D212</f>
        <v>9332</v>
      </c>
      <c r="E178" s="27">
        <f>'[1]年齢別人口市区町村(外国人)'!D212</f>
        <v>1387</v>
      </c>
      <c r="F178" s="28">
        <f>'[1]年齢別人口市区町村(総数)'!D212</f>
        <v>10719</v>
      </c>
      <c r="G178" s="27">
        <f>'[1]年齢別人口市区町村(日本人)'!E212</f>
        <v>97</v>
      </c>
      <c r="H178" s="27">
        <f>'[1]年齢別人口市区町村(外国人)'!E212</f>
        <v>47</v>
      </c>
      <c r="I178" s="28">
        <f>'[1]年齢別人口市区町村(総数)'!E212</f>
        <v>144</v>
      </c>
      <c r="J178" s="27">
        <f>'[1]年齢別人口市区町村(日本人)'!F212</f>
        <v>171</v>
      </c>
      <c r="K178" s="27">
        <f>'[1]年齢別人口市区町村(外国人)'!F212</f>
        <v>16</v>
      </c>
      <c r="L178" s="28">
        <f>'[1]年齢別人口市区町村(総数)'!F212</f>
        <v>187</v>
      </c>
      <c r="M178" s="27">
        <f>'[1]年齢別人口市区町村(日本人)'!G212</f>
        <v>219</v>
      </c>
      <c r="N178" s="27">
        <f>'[1]年齢別人口市区町村(外国人)'!G212</f>
        <v>5</v>
      </c>
      <c r="O178" s="28">
        <f>'[1]年齢別人口市区町村(総数)'!G212</f>
        <v>224</v>
      </c>
      <c r="P178" s="27">
        <f>'[1]年齢別人口市区町村(日本人)'!H212</f>
        <v>308</v>
      </c>
      <c r="Q178" s="27">
        <f>'[1]年齢別人口市区町村(外国人)'!H212</f>
        <v>14</v>
      </c>
      <c r="R178" s="28">
        <f>'[1]年齢別人口市区町村(総数)'!H212</f>
        <v>322</v>
      </c>
      <c r="S178" s="27">
        <f>'[1]年齢別人口市区町村(日本人)'!I212</f>
        <v>637</v>
      </c>
      <c r="T178" s="27">
        <f>'[1]年齢別人口市区町村(外国人)'!I212</f>
        <v>320</v>
      </c>
      <c r="U178" s="28">
        <f>'[1]年齢別人口市区町村(総数)'!I212</f>
        <v>957</v>
      </c>
      <c r="V178" s="27">
        <f>'[1]年齢別人口市区町村(日本人)'!J212</f>
        <v>408</v>
      </c>
      <c r="W178" s="27">
        <f>'[1]年齢別人口市区町村(外国人)'!J212</f>
        <v>428</v>
      </c>
      <c r="X178" s="28">
        <f>'[1]年齢別人口市区町村(総数)'!J212</f>
        <v>836</v>
      </c>
      <c r="Y178" s="27">
        <f>'[1]年齢別人口市区町村(日本人)'!K212</f>
        <v>322</v>
      </c>
      <c r="Z178" s="27">
        <f>'[1]年齢別人口市区町村(外国人)'!K212</f>
        <v>298</v>
      </c>
      <c r="AA178" s="28">
        <f>'[1]年齢別人口市区町村(総数)'!K212</f>
        <v>620</v>
      </c>
      <c r="AB178" s="27">
        <f>'[1]年齢別人口市区町村(日本人)'!L212</f>
        <v>349</v>
      </c>
      <c r="AC178" s="27">
        <f>'[1]年齢別人口市区町村(外国人)'!L212</f>
        <v>121</v>
      </c>
      <c r="AD178" s="28">
        <f>'[1]年齢別人口市区町村(総数)'!L212</f>
        <v>470</v>
      </c>
      <c r="AE178" s="27">
        <f>'[1]年齢別人口市区町村(日本人)'!M212</f>
        <v>377</v>
      </c>
      <c r="AF178" s="27">
        <f>'[1]年齢別人口市区町村(外国人)'!M212</f>
        <v>40</v>
      </c>
      <c r="AG178" s="28">
        <f>'[1]年齢別人口市区町村(総数)'!M212</f>
        <v>417</v>
      </c>
      <c r="AH178" s="27">
        <f>'[1]年齢別人口市区町村(日本人)'!N212</f>
        <v>463</v>
      </c>
      <c r="AI178" s="27">
        <f>'[1]年齢別人口市区町村(外国人)'!N212</f>
        <v>22</v>
      </c>
      <c r="AJ178" s="28">
        <f>'[1]年齢別人口市区町村(総数)'!N212</f>
        <v>485</v>
      </c>
      <c r="AK178" s="27">
        <f>'[1]年齢別人口市区町村(日本人)'!O212</f>
        <v>650</v>
      </c>
      <c r="AL178" s="27">
        <f>'[1]年齢別人口市区町村(外国人)'!O212</f>
        <v>22</v>
      </c>
      <c r="AM178" s="28">
        <f>'[1]年齢別人口市区町村(総数)'!O212</f>
        <v>672</v>
      </c>
      <c r="AN178" s="27">
        <f>'[1]年齢別人口市区町村(日本人)'!P212</f>
        <v>653</v>
      </c>
      <c r="AO178" s="27">
        <f>'[1]年齢別人口市区町村(外国人)'!P212</f>
        <v>13</v>
      </c>
      <c r="AP178" s="28">
        <f>'[1]年齢別人口市区町村(総数)'!P212</f>
        <v>666</v>
      </c>
      <c r="AQ178" s="27">
        <f>'[1]年齢別人口市区町村(日本人)'!Q212</f>
        <v>701</v>
      </c>
      <c r="AR178" s="27">
        <f>'[1]年齢別人口市区町村(外国人)'!Q212</f>
        <v>13</v>
      </c>
      <c r="AS178" s="28">
        <f>'[1]年齢別人口市区町村(総数)'!Q212</f>
        <v>714</v>
      </c>
      <c r="AT178" s="27">
        <f>'[1]年齢別人口市区町村(日本人)'!R212</f>
        <v>704</v>
      </c>
      <c r="AU178" s="27">
        <f>'[1]年齢別人口市区町村(外国人)'!R212</f>
        <v>11</v>
      </c>
      <c r="AV178" s="28">
        <f>'[1]年齢別人口市区町村(総数)'!R212</f>
        <v>715</v>
      </c>
      <c r="AW178" s="27">
        <f>'[1]年齢別人口市区町村(日本人)'!S212</f>
        <v>810</v>
      </c>
      <c r="AX178" s="27">
        <f>'[1]年齢別人口市区町村(外国人)'!S212</f>
        <v>10</v>
      </c>
      <c r="AY178" s="28">
        <f>'[1]年齢別人口市区町村(総数)'!S212</f>
        <v>820</v>
      </c>
      <c r="AZ178" s="27">
        <f>'[1]年齢別人口市区町村(日本人)'!T212</f>
        <v>1006</v>
      </c>
      <c r="BA178" s="27">
        <f>'[1]年齢別人口市区町村(外国人)'!T212</f>
        <v>5</v>
      </c>
      <c r="BB178" s="28">
        <f>'[1]年齢別人口市区町村(総数)'!T212</f>
        <v>1011</v>
      </c>
      <c r="BC178" s="27">
        <f>'[1]年齢別人口市区町村(日本人)'!U212</f>
        <v>699</v>
      </c>
      <c r="BD178" s="27">
        <f>'[1]年齢別人口市区町村(外国人)'!U212</f>
        <v>2</v>
      </c>
      <c r="BE178" s="28">
        <f>'[1]年齢別人口市区町村(総数)'!U212</f>
        <v>701</v>
      </c>
      <c r="BF178" s="27">
        <f>'[1]年齢別人口市区町村(日本人)'!V212</f>
        <v>442</v>
      </c>
      <c r="BG178" s="27">
        <f>'[1]年齢別人口市区町村(外国人)'!V212</f>
        <v>0</v>
      </c>
      <c r="BH178" s="28">
        <f>'[1]年齢別人口市区町村(総数)'!V212</f>
        <v>442</v>
      </c>
      <c r="BI178" s="27">
        <f>'[1]年齢別人口市区町村(日本人)'!W212</f>
        <v>234</v>
      </c>
      <c r="BJ178" s="27">
        <f>'[1]年齢別人口市区町村(外国人)'!W212</f>
        <v>0</v>
      </c>
      <c r="BK178" s="28">
        <f>'[1]年齢別人口市区町村(総数)'!W212</f>
        <v>234</v>
      </c>
      <c r="BL178" s="27">
        <f>'[1]年齢別人口市区町村(日本人)'!X212</f>
        <v>66</v>
      </c>
      <c r="BM178" s="27">
        <f>'[1]年齢別人口市区町村(外国人)'!X212</f>
        <v>0</v>
      </c>
      <c r="BN178" s="28">
        <f>'[1]年齢別人口市区町村(総数)'!X212</f>
        <v>66</v>
      </c>
      <c r="BO178" s="27">
        <f>'[1]年齢別人口市区町村(日本人)'!Y212</f>
        <v>16</v>
      </c>
      <c r="BP178" s="27">
        <f>'[1]年齢別人口市区町村(外国人)'!Y212</f>
        <v>0</v>
      </c>
      <c r="BQ178" s="62">
        <f>'[1]年齢別人口市区町村(総数)'!Y212</f>
        <v>16</v>
      </c>
    </row>
    <row r="179" spans="1:69" x14ac:dyDescent="0.15">
      <c r="A179" s="16"/>
      <c r="B179" s="17" t="s">
        <v>29</v>
      </c>
      <c r="C179" s="45">
        <v>143839</v>
      </c>
      <c r="D179" s="18">
        <f>'[1]年齢別人口市区町村(日本人)'!D216</f>
        <v>2937</v>
      </c>
      <c r="E179" s="19">
        <f>'[1]年齢別人口市区町村(外国人)'!D216</f>
        <v>44</v>
      </c>
      <c r="F179" s="19">
        <f>'[1]年齢別人口市区町村(総数)'!D216</f>
        <v>2981</v>
      </c>
      <c r="G179" s="19">
        <f>'[1]年齢別人口市区町村(日本人)'!E216</f>
        <v>38</v>
      </c>
      <c r="H179" s="19">
        <f>'[1]年齢別人口市区町村(外国人)'!E216</f>
        <v>0</v>
      </c>
      <c r="I179" s="19">
        <f>'[1]年齢別人口市区町村(総数)'!E216</f>
        <v>38</v>
      </c>
      <c r="J179" s="19">
        <f>'[1]年齢別人口市区町村(日本人)'!F216</f>
        <v>53</v>
      </c>
      <c r="K179" s="19">
        <f>'[1]年齢別人口市区町村(外国人)'!F216</f>
        <v>0</v>
      </c>
      <c r="L179" s="19">
        <f>'[1]年齢別人口市区町村(総数)'!F216</f>
        <v>53</v>
      </c>
      <c r="M179" s="19">
        <f>'[1]年齢別人口市区町村(日本人)'!G216</f>
        <v>93</v>
      </c>
      <c r="N179" s="19">
        <f>'[1]年齢別人口市区町村(外国人)'!G216</f>
        <v>1</v>
      </c>
      <c r="O179" s="19">
        <f>'[1]年齢別人口市区町村(総数)'!G216</f>
        <v>94</v>
      </c>
      <c r="P179" s="19">
        <f>'[1]年齢別人口市区町村(日本人)'!H216</f>
        <v>81</v>
      </c>
      <c r="Q179" s="19">
        <f>'[1]年齢別人口市区町村(外国人)'!H216</f>
        <v>3</v>
      </c>
      <c r="R179" s="19">
        <f>'[1]年齢別人口市区町村(総数)'!H216</f>
        <v>84</v>
      </c>
      <c r="S179" s="19">
        <f>'[1]年齢別人口市区町村(日本人)'!I216</f>
        <v>81</v>
      </c>
      <c r="T179" s="19">
        <f>'[1]年齢別人口市区町村(外国人)'!I216</f>
        <v>8</v>
      </c>
      <c r="U179" s="19">
        <f>'[1]年齢別人口市区町村(総数)'!I216</f>
        <v>89</v>
      </c>
      <c r="V179" s="19">
        <f>'[1]年齢別人口市区町村(日本人)'!J216</f>
        <v>62</v>
      </c>
      <c r="W179" s="19">
        <f>'[1]年齢別人口市区町村(外国人)'!J216</f>
        <v>3</v>
      </c>
      <c r="X179" s="19">
        <f>'[1]年齢別人口市区町村(総数)'!J216</f>
        <v>65</v>
      </c>
      <c r="Y179" s="19">
        <f>'[1]年齢別人口市区町村(日本人)'!K216</f>
        <v>104</v>
      </c>
      <c r="Z179" s="19">
        <f>'[1]年齢別人口市区町村(外国人)'!K216</f>
        <v>3</v>
      </c>
      <c r="AA179" s="19">
        <f>'[1]年齢別人口市区町村(総数)'!K216</f>
        <v>107</v>
      </c>
      <c r="AB179" s="19">
        <f>'[1]年齢別人口市区町村(日本人)'!L216</f>
        <v>108</v>
      </c>
      <c r="AC179" s="19">
        <f>'[1]年齢別人口市区町村(外国人)'!L216</f>
        <v>1</v>
      </c>
      <c r="AD179" s="19">
        <f>'[1]年齢別人口市区町村(総数)'!L216</f>
        <v>109</v>
      </c>
      <c r="AE179" s="19">
        <f>'[1]年齢別人口市区町村(日本人)'!M216</f>
        <v>148</v>
      </c>
      <c r="AF179" s="19">
        <f>'[1]年齢別人口市区町村(外国人)'!M216</f>
        <v>4</v>
      </c>
      <c r="AG179" s="19">
        <f>'[1]年齢別人口市区町村(総数)'!M216</f>
        <v>152</v>
      </c>
      <c r="AH179" s="19">
        <f>'[1]年齢別人口市区町村(日本人)'!N216</f>
        <v>142</v>
      </c>
      <c r="AI179" s="19">
        <f>'[1]年齢別人口市区町村(外国人)'!N216</f>
        <v>3</v>
      </c>
      <c r="AJ179" s="19">
        <f>'[1]年齢別人口市区町村(総数)'!N216</f>
        <v>145</v>
      </c>
      <c r="AK179" s="19">
        <f>'[1]年齢別人口市区町村(日本人)'!O216</f>
        <v>233</v>
      </c>
      <c r="AL179" s="19">
        <f>'[1]年齢別人口市区町村(外国人)'!O216</f>
        <v>2</v>
      </c>
      <c r="AM179" s="19">
        <f>'[1]年齢別人口市区町村(総数)'!O216</f>
        <v>235</v>
      </c>
      <c r="AN179" s="19">
        <f>'[1]年齢別人口市区町村(日本人)'!P216</f>
        <v>250</v>
      </c>
      <c r="AO179" s="19">
        <f>'[1]年齢別人口市区町村(外国人)'!P216</f>
        <v>2</v>
      </c>
      <c r="AP179" s="19">
        <f>'[1]年齢別人口市区町村(総数)'!P216</f>
        <v>252</v>
      </c>
      <c r="AQ179" s="19">
        <f>'[1]年齢別人口市区町村(日本人)'!Q216</f>
        <v>279</v>
      </c>
      <c r="AR179" s="19">
        <f>'[1]年齢別人口市区町村(外国人)'!Q216</f>
        <v>5</v>
      </c>
      <c r="AS179" s="19">
        <f>'[1]年齢別人口市区町村(総数)'!Q216</f>
        <v>284</v>
      </c>
      <c r="AT179" s="19">
        <f>'[1]年齢別人口市区町村(日本人)'!R216</f>
        <v>270</v>
      </c>
      <c r="AU179" s="19">
        <f>'[1]年齢別人口市区町村(外国人)'!R216</f>
        <v>4</v>
      </c>
      <c r="AV179" s="19">
        <f>'[1]年齢別人口市区町村(総数)'!R216</f>
        <v>274</v>
      </c>
      <c r="AW179" s="19">
        <f>'[1]年齢別人口市区町村(日本人)'!S216</f>
        <v>295</v>
      </c>
      <c r="AX179" s="19">
        <f>'[1]年齢別人口市区町村(外国人)'!S216</f>
        <v>1</v>
      </c>
      <c r="AY179" s="19">
        <f>'[1]年齢別人口市区町村(総数)'!S216</f>
        <v>296</v>
      </c>
      <c r="AZ179" s="19">
        <f>'[1]年齢別人口市区町村(日本人)'!T216</f>
        <v>311</v>
      </c>
      <c r="BA179" s="19">
        <f>'[1]年齢別人口市区町村(外国人)'!T216</f>
        <v>2</v>
      </c>
      <c r="BB179" s="19">
        <f>'[1]年齢別人口市区町村(総数)'!T216</f>
        <v>313</v>
      </c>
      <c r="BC179" s="19">
        <f>'[1]年齢別人口市区町村(日本人)'!U216</f>
        <v>218</v>
      </c>
      <c r="BD179" s="19">
        <f>'[1]年齢別人口市区町村(外国人)'!U216</f>
        <v>2</v>
      </c>
      <c r="BE179" s="19">
        <f>'[1]年齢別人口市区町村(総数)'!U216</f>
        <v>220</v>
      </c>
      <c r="BF179" s="19">
        <f>'[1]年齢別人口市区町村(日本人)'!V216</f>
        <v>111</v>
      </c>
      <c r="BG179" s="19">
        <f>'[1]年齢別人口市区町村(外国人)'!V216</f>
        <v>0</v>
      </c>
      <c r="BH179" s="19">
        <f>'[1]年齢別人口市区町村(総数)'!V216</f>
        <v>111</v>
      </c>
      <c r="BI179" s="19">
        <f>'[1]年齢別人口市区町村(日本人)'!W216</f>
        <v>46</v>
      </c>
      <c r="BJ179" s="19">
        <f>'[1]年齢別人口市区町村(外国人)'!W216</f>
        <v>0</v>
      </c>
      <c r="BK179" s="19">
        <f>'[1]年齢別人口市区町村(総数)'!W216</f>
        <v>46</v>
      </c>
      <c r="BL179" s="19">
        <f>'[1]年齢別人口市区町村(日本人)'!X216</f>
        <v>10</v>
      </c>
      <c r="BM179" s="19">
        <f>'[1]年齢別人口市区町村(外国人)'!X216</f>
        <v>0</v>
      </c>
      <c r="BN179" s="19">
        <f>'[1]年齢別人口市区町村(総数)'!X216</f>
        <v>10</v>
      </c>
      <c r="BO179" s="19">
        <f>'[1]年齢別人口市区町村(日本人)'!Y216</f>
        <v>4</v>
      </c>
      <c r="BP179" s="19">
        <f>'[1]年齢別人口市区町村(外国人)'!Y216</f>
        <v>0</v>
      </c>
      <c r="BQ179" s="60">
        <f>'[1]年齢別人口市区町村(総数)'!Y216</f>
        <v>4</v>
      </c>
    </row>
    <row r="180" spans="1:69" x14ac:dyDescent="0.15">
      <c r="A180" s="16" t="s">
        <v>88</v>
      </c>
      <c r="B180" s="21" t="s">
        <v>31</v>
      </c>
      <c r="C180" s="46"/>
      <c r="D180" s="22">
        <f>'[1]年齢別人口市区町村(日本人)'!D217</f>
        <v>3349</v>
      </c>
      <c r="E180" s="23">
        <f>'[1]年齢別人口市区町村(外国人)'!D217</f>
        <v>43</v>
      </c>
      <c r="F180" s="24">
        <f>'[1]年齢別人口市区町村(総数)'!D217</f>
        <v>3392</v>
      </c>
      <c r="G180" s="23">
        <f>'[1]年齢別人口市区町村(日本人)'!E217</f>
        <v>37</v>
      </c>
      <c r="H180" s="23">
        <f>'[1]年齢別人口市区町村(外国人)'!E217</f>
        <v>0</v>
      </c>
      <c r="I180" s="24">
        <f>'[1]年齢別人口市区町村(総数)'!E217</f>
        <v>37</v>
      </c>
      <c r="J180" s="23">
        <f>'[1]年齢別人口市区町村(日本人)'!F217</f>
        <v>76</v>
      </c>
      <c r="K180" s="23">
        <f>'[1]年齢別人口市区町村(外国人)'!F217</f>
        <v>0</v>
      </c>
      <c r="L180" s="24">
        <f>'[1]年齢別人口市区町村(総数)'!F217</f>
        <v>76</v>
      </c>
      <c r="M180" s="23">
        <f>'[1]年齢別人口市区町村(日本人)'!G217</f>
        <v>82</v>
      </c>
      <c r="N180" s="23">
        <f>'[1]年齢別人口市区町村(外国人)'!G217</f>
        <v>2</v>
      </c>
      <c r="O180" s="24">
        <f>'[1]年齢別人口市区町村(総数)'!G217</f>
        <v>84</v>
      </c>
      <c r="P180" s="23">
        <f>'[1]年齢別人口市区町村(日本人)'!H217</f>
        <v>93</v>
      </c>
      <c r="Q180" s="23">
        <f>'[1]年齢別人口市区町村(外国人)'!H217</f>
        <v>2</v>
      </c>
      <c r="R180" s="24">
        <f>'[1]年齢別人口市区町村(総数)'!H217</f>
        <v>95</v>
      </c>
      <c r="S180" s="23">
        <f>'[1]年齢別人口市区町村(日本人)'!I217</f>
        <v>84</v>
      </c>
      <c r="T180" s="23">
        <f>'[1]年齢別人口市区町村(外国人)'!I217</f>
        <v>1</v>
      </c>
      <c r="U180" s="24">
        <f>'[1]年齢別人口市区町村(総数)'!I217</f>
        <v>85</v>
      </c>
      <c r="V180" s="23">
        <f>'[1]年齢別人口市区町村(日本人)'!J217</f>
        <v>82</v>
      </c>
      <c r="W180" s="23">
        <f>'[1]年齢別人口市区町村(外国人)'!J217</f>
        <v>1</v>
      </c>
      <c r="X180" s="24">
        <f>'[1]年齢別人口市区町村(総数)'!J217</f>
        <v>83</v>
      </c>
      <c r="Y180" s="23">
        <f>'[1]年齢別人口市区町村(日本人)'!K217</f>
        <v>80</v>
      </c>
      <c r="Z180" s="23">
        <f>'[1]年齢別人口市区町村(外国人)'!K217</f>
        <v>1</v>
      </c>
      <c r="AA180" s="24">
        <f>'[1]年齢別人口市区町村(総数)'!K217</f>
        <v>81</v>
      </c>
      <c r="AB180" s="23">
        <f>'[1]年齢別人口市区町村(日本人)'!L217</f>
        <v>114</v>
      </c>
      <c r="AC180" s="23">
        <f>'[1]年齢別人口市区町村(外国人)'!L217</f>
        <v>6</v>
      </c>
      <c r="AD180" s="24">
        <f>'[1]年齢別人口市区町村(総数)'!L217</f>
        <v>120</v>
      </c>
      <c r="AE180" s="23">
        <f>'[1]年齢別人口市区町村(日本人)'!M217</f>
        <v>118</v>
      </c>
      <c r="AF180" s="23">
        <f>'[1]年齢別人口市区町村(外国人)'!M217</f>
        <v>4</v>
      </c>
      <c r="AG180" s="24">
        <f>'[1]年齢別人口市区町村(総数)'!M217</f>
        <v>122</v>
      </c>
      <c r="AH180" s="23">
        <f>'[1]年齢別人口市区町村(日本人)'!N217</f>
        <v>159</v>
      </c>
      <c r="AI180" s="23">
        <f>'[1]年齢別人口市区町村(外国人)'!N217</f>
        <v>6</v>
      </c>
      <c r="AJ180" s="24">
        <f>'[1]年齢別人口市区町村(総数)'!N217</f>
        <v>165</v>
      </c>
      <c r="AK180" s="23">
        <f>'[1]年齢別人口市区町村(日本人)'!O217</f>
        <v>215</v>
      </c>
      <c r="AL180" s="23">
        <f>'[1]年齢別人口市区町村(外国人)'!O217</f>
        <v>4</v>
      </c>
      <c r="AM180" s="24">
        <f>'[1]年齢別人口市区町村(総数)'!O217</f>
        <v>219</v>
      </c>
      <c r="AN180" s="23">
        <f>'[1]年齢別人口市区町村(日本人)'!P217</f>
        <v>261</v>
      </c>
      <c r="AO180" s="23">
        <f>'[1]年齢別人口市区町村(外国人)'!P217</f>
        <v>6</v>
      </c>
      <c r="AP180" s="24">
        <f>'[1]年齢別人口市区町村(総数)'!P217</f>
        <v>267</v>
      </c>
      <c r="AQ180" s="23">
        <f>'[1]年齢別人口市区町村(日本人)'!Q217</f>
        <v>299</v>
      </c>
      <c r="AR180" s="23">
        <f>'[1]年齢別人口市区町村(外国人)'!Q217</f>
        <v>2</v>
      </c>
      <c r="AS180" s="24">
        <f>'[1]年齢別人口市区町村(総数)'!Q217</f>
        <v>301</v>
      </c>
      <c r="AT180" s="23">
        <f>'[1]年齢別人口市区町村(日本人)'!R217</f>
        <v>272</v>
      </c>
      <c r="AU180" s="23">
        <f>'[1]年齢別人口市区町村(外国人)'!R217</f>
        <v>2</v>
      </c>
      <c r="AV180" s="24">
        <f>'[1]年齢別人口市区町村(総数)'!R217</f>
        <v>274</v>
      </c>
      <c r="AW180" s="23">
        <f>'[1]年齢別人口市区町村(日本人)'!S217</f>
        <v>291</v>
      </c>
      <c r="AX180" s="23">
        <f>'[1]年齢別人口市区町村(外国人)'!S217</f>
        <v>3</v>
      </c>
      <c r="AY180" s="24">
        <f>'[1]年齢別人口市区町村(総数)'!S217</f>
        <v>294</v>
      </c>
      <c r="AZ180" s="23">
        <f>'[1]年齢別人口市区町村(日本人)'!T217</f>
        <v>389</v>
      </c>
      <c r="BA180" s="23">
        <f>'[1]年齢別人口市区町村(外国人)'!T217</f>
        <v>2</v>
      </c>
      <c r="BB180" s="24">
        <f>'[1]年齢別人口市区町村(総数)'!T217</f>
        <v>391</v>
      </c>
      <c r="BC180" s="23">
        <f>'[1]年齢別人口市区町村(日本人)'!U217</f>
        <v>316</v>
      </c>
      <c r="BD180" s="23">
        <f>'[1]年齢別人口市区町村(外国人)'!U217</f>
        <v>0</v>
      </c>
      <c r="BE180" s="24">
        <f>'[1]年齢別人口市区町村(総数)'!U217</f>
        <v>316</v>
      </c>
      <c r="BF180" s="23">
        <f>'[1]年齢別人口市区町村(日本人)'!V217</f>
        <v>218</v>
      </c>
      <c r="BG180" s="23">
        <f>'[1]年齢別人口市区町村(外国人)'!V217</f>
        <v>1</v>
      </c>
      <c r="BH180" s="24">
        <f>'[1]年齢別人口市区町村(総数)'!V217</f>
        <v>219</v>
      </c>
      <c r="BI180" s="23">
        <f>'[1]年齢別人口市区町村(日本人)'!W217</f>
        <v>115</v>
      </c>
      <c r="BJ180" s="23">
        <f>'[1]年齢別人口市区町村(外国人)'!W217</f>
        <v>0</v>
      </c>
      <c r="BK180" s="24">
        <f>'[1]年齢別人口市区町村(総数)'!W217</f>
        <v>115</v>
      </c>
      <c r="BL180" s="23">
        <f>'[1]年齢別人口市区町村(日本人)'!X217</f>
        <v>39</v>
      </c>
      <c r="BM180" s="23">
        <f>'[1]年齢別人口市区町村(外国人)'!X217</f>
        <v>0</v>
      </c>
      <c r="BN180" s="24">
        <f>'[1]年齢別人口市区町村(総数)'!X217</f>
        <v>39</v>
      </c>
      <c r="BO180" s="23">
        <f>'[1]年齢別人口市区町村(日本人)'!Y217</f>
        <v>9</v>
      </c>
      <c r="BP180" s="23">
        <f>'[1]年齢別人口市区町村(外国人)'!Y217</f>
        <v>0</v>
      </c>
      <c r="BQ180" s="61">
        <f>'[1]年齢別人口市区町村(総数)'!Y217</f>
        <v>9</v>
      </c>
    </row>
    <row r="181" spans="1:69" ht="15" thickBot="1" x14ac:dyDescent="0.2">
      <c r="A181" s="35"/>
      <c r="B181" s="25" t="s">
        <v>32</v>
      </c>
      <c r="C181" s="47"/>
      <c r="D181" s="26">
        <f>'[1]年齢別人口市区町村(日本人)'!D215</f>
        <v>6286</v>
      </c>
      <c r="E181" s="27">
        <f>'[1]年齢別人口市区町村(外国人)'!D215</f>
        <v>87</v>
      </c>
      <c r="F181" s="28">
        <f>'[1]年齢別人口市区町村(総数)'!D215</f>
        <v>6373</v>
      </c>
      <c r="G181" s="27">
        <f>'[1]年齢別人口市区町村(日本人)'!E215</f>
        <v>75</v>
      </c>
      <c r="H181" s="27">
        <f>'[1]年齢別人口市区町村(外国人)'!E215</f>
        <v>0</v>
      </c>
      <c r="I181" s="28">
        <f>'[1]年齢別人口市区町村(総数)'!E215</f>
        <v>75</v>
      </c>
      <c r="J181" s="27">
        <f>'[1]年齢別人口市区町村(日本人)'!F215</f>
        <v>129</v>
      </c>
      <c r="K181" s="27">
        <f>'[1]年齢別人口市区町村(外国人)'!F215</f>
        <v>0</v>
      </c>
      <c r="L181" s="28">
        <f>'[1]年齢別人口市区町村(総数)'!F215</f>
        <v>129</v>
      </c>
      <c r="M181" s="27">
        <f>'[1]年齢別人口市区町村(日本人)'!G215</f>
        <v>175</v>
      </c>
      <c r="N181" s="27">
        <f>'[1]年齢別人口市区町村(外国人)'!G215</f>
        <v>3</v>
      </c>
      <c r="O181" s="28">
        <f>'[1]年齢別人口市区町村(総数)'!G215</f>
        <v>178</v>
      </c>
      <c r="P181" s="27">
        <f>'[1]年齢別人口市区町村(日本人)'!H215</f>
        <v>174</v>
      </c>
      <c r="Q181" s="27">
        <f>'[1]年齢別人口市区町村(外国人)'!H215</f>
        <v>5</v>
      </c>
      <c r="R181" s="28">
        <f>'[1]年齢別人口市区町村(総数)'!H215</f>
        <v>179</v>
      </c>
      <c r="S181" s="27">
        <f>'[1]年齢別人口市区町村(日本人)'!I215</f>
        <v>165</v>
      </c>
      <c r="T181" s="27">
        <f>'[1]年齢別人口市区町村(外国人)'!I215</f>
        <v>9</v>
      </c>
      <c r="U181" s="28">
        <f>'[1]年齢別人口市区町村(総数)'!I215</f>
        <v>174</v>
      </c>
      <c r="V181" s="27">
        <f>'[1]年齢別人口市区町村(日本人)'!J215</f>
        <v>144</v>
      </c>
      <c r="W181" s="27">
        <f>'[1]年齢別人口市区町村(外国人)'!J215</f>
        <v>4</v>
      </c>
      <c r="X181" s="28">
        <f>'[1]年齢別人口市区町村(総数)'!J215</f>
        <v>148</v>
      </c>
      <c r="Y181" s="27">
        <f>'[1]年齢別人口市区町村(日本人)'!K215</f>
        <v>184</v>
      </c>
      <c r="Z181" s="27">
        <f>'[1]年齢別人口市区町村(外国人)'!K215</f>
        <v>4</v>
      </c>
      <c r="AA181" s="28">
        <f>'[1]年齢別人口市区町村(総数)'!K215</f>
        <v>188</v>
      </c>
      <c r="AB181" s="27">
        <f>'[1]年齢別人口市区町村(日本人)'!L215</f>
        <v>222</v>
      </c>
      <c r="AC181" s="27">
        <f>'[1]年齢別人口市区町村(外国人)'!L215</f>
        <v>7</v>
      </c>
      <c r="AD181" s="28">
        <f>'[1]年齢別人口市区町村(総数)'!L215</f>
        <v>229</v>
      </c>
      <c r="AE181" s="27">
        <f>'[1]年齢別人口市区町村(日本人)'!M215</f>
        <v>266</v>
      </c>
      <c r="AF181" s="27">
        <f>'[1]年齢別人口市区町村(外国人)'!M215</f>
        <v>8</v>
      </c>
      <c r="AG181" s="28">
        <f>'[1]年齢別人口市区町村(総数)'!M215</f>
        <v>274</v>
      </c>
      <c r="AH181" s="27">
        <f>'[1]年齢別人口市区町村(日本人)'!N215</f>
        <v>301</v>
      </c>
      <c r="AI181" s="27">
        <f>'[1]年齢別人口市区町村(外国人)'!N215</f>
        <v>9</v>
      </c>
      <c r="AJ181" s="28">
        <f>'[1]年齢別人口市区町村(総数)'!N215</f>
        <v>310</v>
      </c>
      <c r="AK181" s="27">
        <f>'[1]年齢別人口市区町村(日本人)'!O215</f>
        <v>448</v>
      </c>
      <c r="AL181" s="27">
        <f>'[1]年齢別人口市区町村(外国人)'!O215</f>
        <v>6</v>
      </c>
      <c r="AM181" s="28">
        <f>'[1]年齢別人口市区町村(総数)'!O215</f>
        <v>454</v>
      </c>
      <c r="AN181" s="27">
        <f>'[1]年齢別人口市区町村(日本人)'!P215</f>
        <v>511</v>
      </c>
      <c r="AO181" s="27">
        <f>'[1]年齢別人口市区町村(外国人)'!P215</f>
        <v>8</v>
      </c>
      <c r="AP181" s="28">
        <f>'[1]年齢別人口市区町村(総数)'!P215</f>
        <v>519</v>
      </c>
      <c r="AQ181" s="27">
        <f>'[1]年齢別人口市区町村(日本人)'!Q215</f>
        <v>578</v>
      </c>
      <c r="AR181" s="27">
        <f>'[1]年齢別人口市区町村(外国人)'!Q215</f>
        <v>7</v>
      </c>
      <c r="AS181" s="28">
        <f>'[1]年齢別人口市区町村(総数)'!Q215</f>
        <v>585</v>
      </c>
      <c r="AT181" s="27">
        <f>'[1]年齢別人口市区町村(日本人)'!R215</f>
        <v>542</v>
      </c>
      <c r="AU181" s="27">
        <f>'[1]年齢別人口市区町村(外国人)'!R215</f>
        <v>6</v>
      </c>
      <c r="AV181" s="28">
        <f>'[1]年齢別人口市区町村(総数)'!R215</f>
        <v>548</v>
      </c>
      <c r="AW181" s="27">
        <f>'[1]年齢別人口市区町村(日本人)'!S215</f>
        <v>586</v>
      </c>
      <c r="AX181" s="27">
        <f>'[1]年齢別人口市区町村(外国人)'!S215</f>
        <v>4</v>
      </c>
      <c r="AY181" s="28">
        <f>'[1]年齢別人口市区町村(総数)'!S215</f>
        <v>590</v>
      </c>
      <c r="AZ181" s="27">
        <f>'[1]年齢別人口市区町村(日本人)'!T215</f>
        <v>700</v>
      </c>
      <c r="BA181" s="27">
        <f>'[1]年齢別人口市区町村(外国人)'!T215</f>
        <v>4</v>
      </c>
      <c r="BB181" s="28">
        <f>'[1]年齢別人口市区町村(総数)'!T215</f>
        <v>704</v>
      </c>
      <c r="BC181" s="27">
        <f>'[1]年齢別人口市区町村(日本人)'!U215</f>
        <v>534</v>
      </c>
      <c r="BD181" s="27">
        <f>'[1]年齢別人口市区町村(外国人)'!U215</f>
        <v>2</v>
      </c>
      <c r="BE181" s="28">
        <f>'[1]年齢別人口市区町村(総数)'!U215</f>
        <v>536</v>
      </c>
      <c r="BF181" s="27">
        <f>'[1]年齢別人口市区町村(日本人)'!V215</f>
        <v>329</v>
      </c>
      <c r="BG181" s="27">
        <f>'[1]年齢別人口市区町村(外国人)'!V215</f>
        <v>1</v>
      </c>
      <c r="BH181" s="28">
        <f>'[1]年齢別人口市区町村(総数)'!V215</f>
        <v>330</v>
      </c>
      <c r="BI181" s="27">
        <f>'[1]年齢別人口市区町村(日本人)'!W215</f>
        <v>161</v>
      </c>
      <c r="BJ181" s="27">
        <f>'[1]年齢別人口市区町村(外国人)'!W215</f>
        <v>0</v>
      </c>
      <c r="BK181" s="28">
        <f>'[1]年齢別人口市区町村(総数)'!W215</f>
        <v>161</v>
      </c>
      <c r="BL181" s="27">
        <f>'[1]年齢別人口市区町村(日本人)'!X215</f>
        <v>49</v>
      </c>
      <c r="BM181" s="27">
        <f>'[1]年齢別人口市区町村(外国人)'!X215</f>
        <v>0</v>
      </c>
      <c r="BN181" s="28">
        <f>'[1]年齢別人口市区町村(総数)'!X215</f>
        <v>49</v>
      </c>
      <c r="BO181" s="27">
        <f>'[1]年齢別人口市区町村(日本人)'!Y215</f>
        <v>13</v>
      </c>
      <c r="BP181" s="27">
        <f>'[1]年齢別人口市区町村(外国人)'!Y215</f>
        <v>0</v>
      </c>
      <c r="BQ181" s="62">
        <f>'[1]年齢別人口市区町村(総数)'!Y215</f>
        <v>13</v>
      </c>
    </row>
    <row r="182" spans="1:69" x14ac:dyDescent="0.15">
      <c r="A182" s="16"/>
      <c r="B182" s="17" t="s">
        <v>29</v>
      </c>
      <c r="C182" s="45">
        <v>143847</v>
      </c>
      <c r="D182" s="18">
        <f>'[1]年齢別人口市区町村(日本人)'!D219</f>
        <v>10440</v>
      </c>
      <c r="E182" s="19">
        <f>'[1]年齢別人口市区町村(外国人)'!D219</f>
        <v>302</v>
      </c>
      <c r="F182" s="19">
        <f>'[1]年齢別人口市区町村(総数)'!D219</f>
        <v>10742</v>
      </c>
      <c r="G182" s="19">
        <f>'[1]年齢別人口市区町村(日本人)'!E219</f>
        <v>157</v>
      </c>
      <c r="H182" s="19">
        <f>'[1]年齢別人口市区町村(外国人)'!E219</f>
        <v>10</v>
      </c>
      <c r="I182" s="19">
        <f>'[1]年齢別人口市区町村(総数)'!E219</f>
        <v>167</v>
      </c>
      <c r="J182" s="19">
        <f>'[1]年齢別人口市区町村(日本人)'!F219</f>
        <v>222</v>
      </c>
      <c r="K182" s="19">
        <f>'[1]年齢別人口市区町村(外国人)'!F219</f>
        <v>1</v>
      </c>
      <c r="L182" s="19">
        <f>'[1]年齢別人口市区町村(総数)'!F219</f>
        <v>223</v>
      </c>
      <c r="M182" s="19">
        <f>'[1]年齢別人口市区町村(日本人)'!G219</f>
        <v>338</v>
      </c>
      <c r="N182" s="19">
        <f>'[1]年齢別人口市区町村(外国人)'!G219</f>
        <v>2</v>
      </c>
      <c r="O182" s="19">
        <f>'[1]年齢別人口市区町村(総数)'!G219</f>
        <v>340</v>
      </c>
      <c r="P182" s="19">
        <f>'[1]年齢別人口市区町村(日本人)'!H219</f>
        <v>400</v>
      </c>
      <c r="Q182" s="19">
        <f>'[1]年齢別人口市区町村(外国人)'!H219</f>
        <v>7</v>
      </c>
      <c r="R182" s="19">
        <f>'[1]年齢別人口市区町村(総数)'!H219</f>
        <v>407</v>
      </c>
      <c r="S182" s="19">
        <f>'[1]年齢別人口市区町村(日本人)'!I219</f>
        <v>405</v>
      </c>
      <c r="T182" s="19">
        <f>'[1]年齢別人口市区町村(外国人)'!I219</f>
        <v>52</v>
      </c>
      <c r="U182" s="19">
        <f>'[1]年齢別人口市区町村(総数)'!I219</f>
        <v>457</v>
      </c>
      <c r="V182" s="19">
        <f>'[1]年齢別人口市区町村(日本人)'!J219</f>
        <v>366</v>
      </c>
      <c r="W182" s="19">
        <f>'[1]年齢別人口市区町村(外国人)'!J219</f>
        <v>70</v>
      </c>
      <c r="X182" s="19">
        <f>'[1]年齢別人口市区町村(総数)'!J219</f>
        <v>436</v>
      </c>
      <c r="Y182" s="19">
        <f>'[1]年齢別人口市区町村(日本人)'!K219</f>
        <v>340</v>
      </c>
      <c r="Z182" s="19">
        <f>'[1]年齢別人口市区町村(外国人)'!K219</f>
        <v>46</v>
      </c>
      <c r="AA182" s="19">
        <f>'[1]年齢別人口市区町村(総数)'!K219</f>
        <v>386</v>
      </c>
      <c r="AB182" s="19">
        <f>'[1]年齢別人口市区町村(日本人)'!L219</f>
        <v>364</v>
      </c>
      <c r="AC182" s="19">
        <f>'[1]年齢別人口市区町村(外国人)'!L219</f>
        <v>28</v>
      </c>
      <c r="AD182" s="19">
        <f>'[1]年齢別人口市区町村(総数)'!L219</f>
        <v>392</v>
      </c>
      <c r="AE182" s="19">
        <f>'[1]年齢別人口市区町村(日本人)'!M219</f>
        <v>407</v>
      </c>
      <c r="AF182" s="19">
        <f>'[1]年齢別人口市区町村(外国人)'!M219</f>
        <v>18</v>
      </c>
      <c r="AG182" s="19">
        <f>'[1]年齢別人口市区町村(総数)'!M219</f>
        <v>425</v>
      </c>
      <c r="AH182" s="19">
        <f>'[1]年齢別人口市区町村(日本人)'!N219</f>
        <v>605</v>
      </c>
      <c r="AI182" s="19">
        <f>'[1]年齢別人口市区町村(外国人)'!N219</f>
        <v>9</v>
      </c>
      <c r="AJ182" s="19">
        <f>'[1]年齢別人口市区町村(総数)'!N219</f>
        <v>614</v>
      </c>
      <c r="AK182" s="19">
        <f>'[1]年齢別人口市区町村(日本人)'!O219</f>
        <v>881</v>
      </c>
      <c r="AL182" s="19">
        <f>'[1]年齢別人口市区町村(外国人)'!O219</f>
        <v>8</v>
      </c>
      <c r="AM182" s="19">
        <f>'[1]年齢別人口市区町村(総数)'!O219</f>
        <v>889</v>
      </c>
      <c r="AN182" s="19">
        <f>'[1]年齢別人口市区町村(日本人)'!P219</f>
        <v>879</v>
      </c>
      <c r="AO182" s="19">
        <f>'[1]年齢別人口市区町村(外国人)'!P219</f>
        <v>10</v>
      </c>
      <c r="AP182" s="19">
        <f>'[1]年齢別人口市区町村(総数)'!P219</f>
        <v>889</v>
      </c>
      <c r="AQ182" s="19">
        <f>'[1]年齢別人口市区町村(日本人)'!Q219</f>
        <v>929</v>
      </c>
      <c r="AR182" s="19">
        <f>'[1]年齢別人口市区町村(外国人)'!Q219</f>
        <v>8</v>
      </c>
      <c r="AS182" s="19">
        <f>'[1]年齢別人口市区町村(総数)'!Q219</f>
        <v>937</v>
      </c>
      <c r="AT182" s="19">
        <f>'[1]年齢別人口市区町村(日本人)'!R219</f>
        <v>829</v>
      </c>
      <c r="AU182" s="19">
        <f>'[1]年齢別人口市区町村(外国人)'!R219</f>
        <v>5</v>
      </c>
      <c r="AV182" s="19">
        <f>'[1]年齢別人口市区町村(総数)'!R219</f>
        <v>834</v>
      </c>
      <c r="AW182" s="19">
        <f>'[1]年齢別人口市区町村(日本人)'!S219</f>
        <v>913</v>
      </c>
      <c r="AX182" s="19">
        <f>'[1]年齢別人口市区町村(外国人)'!S219</f>
        <v>12</v>
      </c>
      <c r="AY182" s="19">
        <f>'[1]年齢別人口市区町村(総数)'!S219</f>
        <v>925</v>
      </c>
      <c r="AZ182" s="19">
        <f>'[1]年齢別人口市区町村(日本人)'!T219</f>
        <v>1016</v>
      </c>
      <c r="BA182" s="19">
        <f>'[1]年齢別人口市区町村(外国人)'!T219</f>
        <v>10</v>
      </c>
      <c r="BB182" s="19">
        <f>'[1]年齢別人口市区町村(総数)'!T219</f>
        <v>1026</v>
      </c>
      <c r="BC182" s="19">
        <f>'[1]年齢別人口市区町村(日本人)'!U219</f>
        <v>770</v>
      </c>
      <c r="BD182" s="19">
        <f>'[1]年齢別人口市区町村(外国人)'!U219</f>
        <v>4</v>
      </c>
      <c r="BE182" s="19">
        <f>'[1]年齢別人口市区町村(総数)'!U219</f>
        <v>774</v>
      </c>
      <c r="BF182" s="19">
        <f>'[1]年齢別人口市区町村(日本人)'!V219</f>
        <v>424</v>
      </c>
      <c r="BG182" s="19">
        <f>'[1]年齢別人口市区町村(外国人)'!V219</f>
        <v>1</v>
      </c>
      <c r="BH182" s="19">
        <f>'[1]年齢別人口市区町村(総数)'!V219</f>
        <v>425</v>
      </c>
      <c r="BI182" s="19">
        <f>'[1]年齢別人口市区町村(日本人)'!W219</f>
        <v>160</v>
      </c>
      <c r="BJ182" s="19">
        <f>'[1]年齢別人口市区町村(外国人)'!W219</f>
        <v>1</v>
      </c>
      <c r="BK182" s="19">
        <f>'[1]年齢別人口市区町村(総数)'!W219</f>
        <v>161</v>
      </c>
      <c r="BL182" s="19">
        <f>'[1]年齢別人口市区町村(日本人)'!X219</f>
        <v>32</v>
      </c>
      <c r="BM182" s="19">
        <f>'[1]年齢別人口市区町村(外国人)'!X219</f>
        <v>0</v>
      </c>
      <c r="BN182" s="19">
        <f>'[1]年齢別人口市区町村(総数)'!X219</f>
        <v>32</v>
      </c>
      <c r="BO182" s="19">
        <f>'[1]年齢別人口市区町村(日本人)'!Y219</f>
        <v>3</v>
      </c>
      <c r="BP182" s="19">
        <f>'[1]年齢別人口市区町村(外国人)'!Y219</f>
        <v>0</v>
      </c>
      <c r="BQ182" s="60">
        <f>'[1]年齢別人口市区町村(総数)'!Y219</f>
        <v>3</v>
      </c>
    </row>
    <row r="183" spans="1:69" x14ac:dyDescent="0.15">
      <c r="A183" s="16" t="s">
        <v>89</v>
      </c>
      <c r="B183" s="21" t="s">
        <v>31</v>
      </c>
      <c r="C183" s="46"/>
      <c r="D183" s="22">
        <f>'[1]年齢別人口市区町村(日本人)'!D220</f>
        <v>11627</v>
      </c>
      <c r="E183" s="23">
        <f>'[1]年齢別人口市区町村(外国人)'!D220</f>
        <v>424</v>
      </c>
      <c r="F183" s="24">
        <f>'[1]年齢別人口市区町村(総数)'!D220</f>
        <v>12051</v>
      </c>
      <c r="G183" s="23">
        <f>'[1]年齢別人口市区町村(日本人)'!E220</f>
        <v>152</v>
      </c>
      <c r="H183" s="23">
        <f>'[1]年齢別人口市区町村(外国人)'!E220</f>
        <v>11</v>
      </c>
      <c r="I183" s="24">
        <f>'[1]年齢別人口市区町村(総数)'!E220</f>
        <v>163</v>
      </c>
      <c r="J183" s="23">
        <f>'[1]年齢別人口市区町村(日本人)'!F220</f>
        <v>190</v>
      </c>
      <c r="K183" s="23">
        <f>'[1]年齢別人口市区町村(外国人)'!F220</f>
        <v>4</v>
      </c>
      <c r="L183" s="24">
        <f>'[1]年齢別人口市区町村(総数)'!F220</f>
        <v>194</v>
      </c>
      <c r="M183" s="23">
        <f>'[1]年齢別人口市区町村(日本人)'!G220</f>
        <v>279</v>
      </c>
      <c r="N183" s="23">
        <f>'[1]年齢別人口市区町村(外国人)'!G220</f>
        <v>5</v>
      </c>
      <c r="O183" s="24">
        <f>'[1]年齢別人口市区町村(総数)'!G220</f>
        <v>284</v>
      </c>
      <c r="P183" s="23">
        <f>'[1]年齢別人口市区町村(日本人)'!H220</f>
        <v>355</v>
      </c>
      <c r="Q183" s="23">
        <f>'[1]年齢別人口市区町村(外国人)'!H220</f>
        <v>4</v>
      </c>
      <c r="R183" s="24">
        <f>'[1]年齢別人口市区町村(総数)'!H220</f>
        <v>359</v>
      </c>
      <c r="S183" s="23">
        <f>'[1]年齢別人口市区町村(日本人)'!I220</f>
        <v>364</v>
      </c>
      <c r="T183" s="23">
        <f>'[1]年齢別人口市区町村(外国人)'!I220</f>
        <v>42</v>
      </c>
      <c r="U183" s="24">
        <f>'[1]年齢別人口市区町村(総数)'!I220</f>
        <v>406</v>
      </c>
      <c r="V183" s="23">
        <f>'[1]年齢別人口市区町村(日本人)'!J220</f>
        <v>341</v>
      </c>
      <c r="W183" s="23">
        <f>'[1]年齢別人口市区町村(外国人)'!J220</f>
        <v>128</v>
      </c>
      <c r="X183" s="24">
        <f>'[1]年齢別人口市区町村(総数)'!J220</f>
        <v>469</v>
      </c>
      <c r="Y183" s="23">
        <f>'[1]年齢別人口市区町村(日本人)'!K220</f>
        <v>329</v>
      </c>
      <c r="Z183" s="23">
        <f>'[1]年齢別人口市区町村(外国人)'!K220</f>
        <v>56</v>
      </c>
      <c r="AA183" s="24">
        <f>'[1]年齢別人口市区町村(総数)'!K220</f>
        <v>385</v>
      </c>
      <c r="AB183" s="23">
        <f>'[1]年齢別人口市区町村(日本人)'!L220</f>
        <v>320</v>
      </c>
      <c r="AC183" s="23">
        <f>'[1]年齢別人口市区町村(外国人)'!L220</f>
        <v>31</v>
      </c>
      <c r="AD183" s="24">
        <f>'[1]年齢別人口市区町村(総数)'!L220</f>
        <v>351</v>
      </c>
      <c r="AE183" s="23">
        <f>'[1]年齢別人口市区町村(日本人)'!M220</f>
        <v>425</v>
      </c>
      <c r="AF183" s="23">
        <f>'[1]年齢別人口市区町村(外国人)'!M220</f>
        <v>14</v>
      </c>
      <c r="AG183" s="24">
        <f>'[1]年齢別人口市区町村(総数)'!M220</f>
        <v>439</v>
      </c>
      <c r="AH183" s="23">
        <f>'[1]年齢別人口市区町村(日本人)'!N220</f>
        <v>584</v>
      </c>
      <c r="AI183" s="23">
        <f>'[1]年齢別人口市区町村(外国人)'!N220</f>
        <v>22</v>
      </c>
      <c r="AJ183" s="24">
        <f>'[1]年齢別人口市区町村(総数)'!N220</f>
        <v>606</v>
      </c>
      <c r="AK183" s="23">
        <f>'[1]年齢別人口市区町村(日本人)'!O220</f>
        <v>797</v>
      </c>
      <c r="AL183" s="23">
        <f>'[1]年齢別人口市区町村(外国人)'!O220</f>
        <v>24</v>
      </c>
      <c r="AM183" s="24">
        <f>'[1]年齢別人口市区町村(総数)'!O220</f>
        <v>821</v>
      </c>
      <c r="AN183" s="23">
        <f>'[1]年齢別人口市区町村(日本人)'!P220</f>
        <v>878</v>
      </c>
      <c r="AO183" s="23">
        <f>'[1]年齢別人口市区町村(外国人)'!P220</f>
        <v>24</v>
      </c>
      <c r="AP183" s="24">
        <f>'[1]年齢別人口市区町村(総数)'!P220</f>
        <v>902</v>
      </c>
      <c r="AQ183" s="23">
        <f>'[1]年齢別人口市区町村(日本人)'!Q220</f>
        <v>846</v>
      </c>
      <c r="AR183" s="23">
        <f>'[1]年齢別人口市区町村(外国人)'!Q220</f>
        <v>19</v>
      </c>
      <c r="AS183" s="24">
        <f>'[1]年齢別人口市区町村(総数)'!Q220</f>
        <v>865</v>
      </c>
      <c r="AT183" s="23">
        <f>'[1]年齢別人口市区町村(日本人)'!R220</f>
        <v>842</v>
      </c>
      <c r="AU183" s="23">
        <f>'[1]年齢別人口市区町村(外国人)'!R220</f>
        <v>14</v>
      </c>
      <c r="AV183" s="24">
        <f>'[1]年齢別人口市区町村(総数)'!R220</f>
        <v>856</v>
      </c>
      <c r="AW183" s="23">
        <f>'[1]年齢別人口市区町村(日本人)'!S220</f>
        <v>1077</v>
      </c>
      <c r="AX183" s="23">
        <f>'[1]年齢別人口市区町村(外国人)'!S220</f>
        <v>12</v>
      </c>
      <c r="AY183" s="24">
        <f>'[1]年齢別人口市区町村(総数)'!S220</f>
        <v>1089</v>
      </c>
      <c r="AZ183" s="23">
        <f>'[1]年齢別人口市区町村(日本人)'!T220</f>
        <v>1339</v>
      </c>
      <c r="BA183" s="23">
        <f>'[1]年齢別人口市区町村(外国人)'!T220</f>
        <v>2</v>
      </c>
      <c r="BB183" s="24">
        <f>'[1]年齢別人口市区町村(総数)'!T220</f>
        <v>1341</v>
      </c>
      <c r="BC183" s="23">
        <f>'[1]年齢別人口市区町村(日本人)'!U220</f>
        <v>1134</v>
      </c>
      <c r="BD183" s="23">
        <f>'[1]年齢別人口市区町村(外国人)'!U220</f>
        <v>4</v>
      </c>
      <c r="BE183" s="24">
        <f>'[1]年齢別人口市区町村(総数)'!U220</f>
        <v>1138</v>
      </c>
      <c r="BF183" s="23">
        <f>'[1]年齢別人口市区町村(日本人)'!V220</f>
        <v>782</v>
      </c>
      <c r="BG183" s="23">
        <f>'[1]年齢別人口市区町村(外国人)'!V220</f>
        <v>7</v>
      </c>
      <c r="BH183" s="24">
        <f>'[1]年齢別人口市区町村(総数)'!V220</f>
        <v>789</v>
      </c>
      <c r="BI183" s="23">
        <f>'[1]年齢別人口市区町村(日本人)'!W220</f>
        <v>444</v>
      </c>
      <c r="BJ183" s="23">
        <f>'[1]年齢別人口市区町村(外国人)'!W220</f>
        <v>1</v>
      </c>
      <c r="BK183" s="24">
        <f>'[1]年齢別人口市区町村(総数)'!W220</f>
        <v>445</v>
      </c>
      <c r="BL183" s="23">
        <f>'[1]年齢別人口市区町村(日本人)'!X220</f>
        <v>129</v>
      </c>
      <c r="BM183" s="23">
        <f>'[1]年齢別人口市区町村(外国人)'!X220</f>
        <v>0</v>
      </c>
      <c r="BN183" s="24">
        <f>'[1]年齢別人口市区町村(総数)'!X220</f>
        <v>129</v>
      </c>
      <c r="BO183" s="23">
        <f>'[1]年齢別人口市区町村(日本人)'!Y220</f>
        <v>20</v>
      </c>
      <c r="BP183" s="23">
        <f>'[1]年齢別人口市区町村(外国人)'!Y220</f>
        <v>0</v>
      </c>
      <c r="BQ183" s="61">
        <f>'[1]年齢別人口市区町村(総数)'!Y220</f>
        <v>20</v>
      </c>
    </row>
    <row r="184" spans="1:69" ht="15" thickBot="1" x14ac:dyDescent="0.2">
      <c r="A184" s="35"/>
      <c r="B184" s="25" t="s">
        <v>32</v>
      </c>
      <c r="C184" s="47"/>
      <c r="D184" s="26">
        <f>'[1]年齢別人口市区町村(日本人)'!D218</f>
        <v>22067</v>
      </c>
      <c r="E184" s="27">
        <f>'[1]年齢別人口市区町村(外国人)'!D218</f>
        <v>726</v>
      </c>
      <c r="F184" s="28">
        <f>'[1]年齢別人口市区町村(総数)'!D218</f>
        <v>22793</v>
      </c>
      <c r="G184" s="27">
        <f>'[1]年齢別人口市区町村(日本人)'!E218</f>
        <v>309</v>
      </c>
      <c r="H184" s="27">
        <f>'[1]年齢別人口市区町村(外国人)'!E218</f>
        <v>21</v>
      </c>
      <c r="I184" s="28">
        <f>'[1]年齢別人口市区町村(総数)'!E218</f>
        <v>330</v>
      </c>
      <c r="J184" s="27">
        <f>'[1]年齢別人口市区町村(日本人)'!F218</f>
        <v>412</v>
      </c>
      <c r="K184" s="27">
        <f>'[1]年齢別人口市区町村(外国人)'!F218</f>
        <v>5</v>
      </c>
      <c r="L184" s="28">
        <f>'[1]年齢別人口市区町村(総数)'!F218</f>
        <v>417</v>
      </c>
      <c r="M184" s="27">
        <f>'[1]年齢別人口市区町村(日本人)'!G218</f>
        <v>617</v>
      </c>
      <c r="N184" s="27">
        <f>'[1]年齢別人口市区町村(外国人)'!G218</f>
        <v>7</v>
      </c>
      <c r="O184" s="28">
        <f>'[1]年齢別人口市区町村(総数)'!G218</f>
        <v>624</v>
      </c>
      <c r="P184" s="27">
        <f>'[1]年齢別人口市区町村(日本人)'!H218</f>
        <v>755</v>
      </c>
      <c r="Q184" s="27">
        <f>'[1]年齢別人口市区町村(外国人)'!H218</f>
        <v>11</v>
      </c>
      <c r="R184" s="28">
        <f>'[1]年齢別人口市区町村(総数)'!H218</f>
        <v>766</v>
      </c>
      <c r="S184" s="27">
        <f>'[1]年齢別人口市区町村(日本人)'!I218</f>
        <v>769</v>
      </c>
      <c r="T184" s="27">
        <f>'[1]年齢別人口市区町村(外国人)'!I218</f>
        <v>94</v>
      </c>
      <c r="U184" s="28">
        <f>'[1]年齢別人口市区町村(総数)'!I218</f>
        <v>863</v>
      </c>
      <c r="V184" s="27">
        <f>'[1]年齢別人口市区町村(日本人)'!J218</f>
        <v>707</v>
      </c>
      <c r="W184" s="27">
        <f>'[1]年齢別人口市区町村(外国人)'!J218</f>
        <v>198</v>
      </c>
      <c r="X184" s="28">
        <f>'[1]年齢別人口市区町村(総数)'!J218</f>
        <v>905</v>
      </c>
      <c r="Y184" s="27">
        <f>'[1]年齢別人口市区町村(日本人)'!K218</f>
        <v>669</v>
      </c>
      <c r="Z184" s="27">
        <f>'[1]年齢別人口市区町村(外国人)'!K218</f>
        <v>102</v>
      </c>
      <c r="AA184" s="28">
        <f>'[1]年齢別人口市区町村(総数)'!K218</f>
        <v>771</v>
      </c>
      <c r="AB184" s="27">
        <f>'[1]年齢別人口市区町村(日本人)'!L218</f>
        <v>684</v>
      </c>
      <c r="AC184" s="27">
        <f>'[1]年齢別人口市区町村(外国人)'!L218</f>
        <v>59</v>
      </c>
      <c r="AD184" s="28">
        <f>'[1]年齢別人口市区町村(総数)'!L218</f>
        <v>743</v>
      </c>
      <c r="AE184" s="27">
        <f>'[1]年齢別人口市区町村(日本人)'!M218</f>
        <v>832</v>
      </c>
      <c r="AF184" s="27">
        <f>'[1]年齢別人口市区町村(外国人)'!M218</f>
        <v>32</v>
      </c>
      <c r="AG184" s="28">
        <f>'[1]年齢別人口市区町村(総数)'!M218</f>
        <v>864</v>
      </c>
      <c r="AH184" s="27">
        <f>'[1]年齢別人口市区町村(日本人)'!N218</f>
        <v>1189</v>
      </c>
      <c r="AI184" s="27">
        <f>'[1]年齢別人口市区町村(外国人)'!N218</f>
        <v>31</v>
      </c>
      <c r="AJ184" s="28">
        <f>'[1]年齢別人口市区町村(総数)'!N218</f>
        <v>1220</v>
      </c>
      <c r="AK184" s="27">
        <f>'[1]年齢別人口市区町村(日本人)'!O218</f>
        <v>1678</v>
      </c>
      <c r="AL184" s="27">
        <f>'[1]年齢別人口市区町村(外国人)'!O218</f>
        <v>32</v>
      </c>
      <c r="AM184" s="28">
        <f>'[1]年齢別人口市区町村(総数)'!O218</f>
        <v>1710</v>
      </c>
      <c r="AN184" s="27">
        <f>'[1]年齢別人口市区町村(日本人)'!P218</f>
        <v>1757</v>
      </c>
      <c r="AO184" s="27">
        <f>'[1]年齢別人口市区町村(外国人)'!P218</f>
        <v>34</v>
      </c>
      <c r="AP184" s="28">
        <f>'[1]年齢別人口市区町村(総数)'!P218</f>
        <v>1791</v>
      </c>
      <c r="AQ184" s="27">
        <f>'[1]年齢別人口市区町村(日本人)'!Q218</f>
        <v>1775</v>
      </c>
      <c r="AR184" s="27">
        <f>'[1]年齢別人口市区町村(外国人)'!Q218</f>
        <v>27</v>
      </c>
      <c r="AS184" s="28">
        <f>'[1]年齢別人口市区町村(総数)'!Q218</f>
        <v>1802</v>
      </c>
      <c r="AT184" s="27">
        <f>'[1]年齢別人口市区町村(日本人)'!R218</f>
        <v>1671</v>
      </c>
      <c r="AU184" s="27">
        <f>'[1]年齢別人口市区町村(外国人)'!R218</f>
        <v>19</v>
      </c>
      <c r="AV184" s="28">
        <f>'[1]年齢別人口市区町村(総数)'!R218</f>
        <v>1690</v>
      </c>
      <c r="AW184" s="27">
        <f>'[1]年齢別人口市区町村(日本人)'!S218</f>
        <v>1990</v>
      </c>
      <c r="AX184" s="27">
        <f>'[1]年齢別人口市区町村(外国人)'!S218</f>
        <v>24</v>
      </c>
      <c r="AY184" s="28">
        <f>'[1]年齢別人口市区町村(総数)'!S218</f>
        <v>2014</v>
      </c>
      <c r="AZ184" s="27">
        <f>'[1]年齢別人口市区町村(日本人)'!T218</f>
        <v>2355</v>
      </c>
      <c r="BA184" s="27">
        <f>'[1]年齢別人口市区町村(外国人)'!T218</f>
        <v>12</v>
      </c>
      <c r="BB184" s="28">
        <f>'[1]年齢別人口市区町村(総数)'!T218</f>
        <v>2367</v>
      </c>
      <c r="BC184" s="27">
        <f>'[1]年齢別人口市区町村(日本人)'!U218</f>
        <v>1904</v>
      </c>
      <c r="BD184" s="27">
        <f>'[1]年齢別人口市区町村(外国人)'!U218</f>
        <v>8</v>
      </c>
      <c r="BE184" s="28">
        <f>'[1]年齢別人口市区町村(総数)'!U218</f>
        <v>1912</v>
      </c>
      <c r="BF184" s="27">
        <f>'[1]年齢別人口市区町村(日本人)'!V218</f>
        <v>1206</v>
      </c>
      <c r="BG184" s="27">
        <f>'[1]年齢別人口市区町村(外国人)'!V218</f>
        <v>8</v>
      </c>
      <c r="BH184" s="28">
        <f>'[1]年齢別人口市区町村(総数)'!V218</f>
        <v>1214</v>
      </c>
      <c r="BI184" s="27">
        <f>'[1]年齢別人口市区町村(日本人)'!W218</f>
        <v>604</v>
      </c>
      <c r="BJ184" s="27">
        <f>'[1]年齢別人口市区町村(外国人)'!W218</f>
        <v>2</v>
      </c>
      <c r="BK184" s="28">
        <f>'[1]年齢別人口市区町村(総数)'!W218</f>
        <v>606</v>
      </c>
      <c r="BL184" s="27">
        <f>'[1]年齢別人口市区町村(日本人)'!X218</f>
        <v>161</v>
      </c>
      <c r="BM184" s="27">
        <f>'[1]年齢別人口市区町村(外国人)'!X218</f>
        <v>0</v>
      </c>
      <c r="BN184" s="28">
        <f>'[1]年齢別人口市区町村(総数)'!X218</f>
        <v>161</v>
      </c>
      <c r="BO184" s="27">
        <f>'[1]年齢別人口市区町村(日本人)'!Y218</f>
        <v>23</v>
      </c>
      <c r="BP184" s="27">
        <f>'[1]年齢別人口市区町村(外国人)'!Y218</f>
        <v>0</v>
      </c>
      <c r="BQ184" s="62">
        <f>'[1]年齢別人口市区町村(総数)'!Y218</f>
        <v>23</v>
      </c>
    </row>
    <row r="185" spans="1:69" x14ac:dyDescent="0.15">
      <c r="A185" s="16"/>
      <c r="B185" s="17" t="s">
        <v>29</v>
      </c>
      <c r="C185" s="45">
        <v>144011</v>
      </c>
      <c r="D185" s="36">
        <f>'[1]年齢別人口市区町村(日本人)'!D226</f>
        <v>18338</v>
      </c>
      <c r="E185" s="37">
        <f>'[1]年齢別人口市区町村(外国人)'!D226</f>
        <v>2242</v>
      </c>
      <c r="F185" s="38">
        <f>'[1]年齢別人口市区町村(総数)'!D226</f>
        <v>20580</v>
      </c>
      <c r="G185" s="39">
        <f>'[1]年齢別人口市区町村(日本人)'!E226</f>
        <v>380</v>
      </c>
      <c r="H185" s="39">
        <f>'[1]年齢別人口市区町村(外国人)'!E226</f>
        <v>90</v>
      </c>
      <c r="I185" s="38">
        <f>'[1]年齢別人口市区町村(総数)'!E226</f>
        <v>470</v>
      </c>
      <c r="J185" s="39">
        <f>'[1]年齢別人口市区町村(日本人)'!F226</f>
        <v>538</v>
      </c>
      <c r="K185" s="39">
        <f>'[1]年齢別人口市区町村(外国人)'!F226</f>
        <v>83</v>
      </c>
      <c r="L185" s="38">
        <f>'[1]年齢別人口市区町村(総数)'!F226</f>
        <v>621</v>
      </c>
      <c r="M185" s="39">
        <f>'[1]年齢別人口市区町村(日本人)'!G226</f>
        <v>682</v>
      </c>
      <c r="N185" s="39">
        <f>'[1]年齢別人口市区町村(外国人)'!G226</f>
        <v>82</v>
      </c>
      <c r="O185" s="38">
        <f>'[1]年齢別人口市区町村(総数)'!G226</f>
        <v>764</v>
      </c>
      <c r="P185" s="39">
        <f>'[1]年齢別人口市区町村(日本人)'!H226</f>
        <v>809</v>
      </c>
      <c r="Q185" s="39">
        <f>'[1]年齢別人口市区町村(外国人)'!H226</f>
        <v>101</v>
      </c>
      <c r="R185" s="38">
        <f>'[1]年齢別人口市区町村(総数)'!H226</f>
        <v>910</v>
      </c>
      <c r="S185" s="39">
        <f>'[1]年齢別人口市区町村(日本人)'!I226</f>
        <v>892</v>
      </c>
      <c r="T185" s="39">
        <f>'[1]年齢別人口市区町村(外国人)'!I226</f>
        <v>294</v>
      </c>
      <c r="U185" s="38">
        <f>'[1]年齢別人口市区町村(総数)'!I226</f>
        <v>1186</v>
      </c>
      <c r="V185" s="39">
        <f>'[1]年齢別人口市区町村(日本人)'!J226</f>
        <v>823</v>
      </c>
      <c r="W185" s="39">
        <f>'[1]年齢別人口市区町村(外国人)'!J226</f>
        <v>389</v>
      </c>
      <c r="X185" s="38">
        <f>'[1]年齢別人口市区町村(総数)'!J226</f>
        <v>1212</v>
      </c>
      <c r="Y185" s="39">
        <f>'[1]年齢別人口市区町村(日本人)'!K226</f>
        <v>816</v>
      </c>
      <c r="Z185" s="39">
        <f>'[1]年齢別人口市区町村(外国人)'!K226</f>
        <v>293</v>
      </c>
      <c r="AA185" s="38">
        <f>'[1]年齢別人口市区町村(総数)'!K226</f>
        <v>1109</v>
      </c>
      <c r="AB185" s="39">
        <f>'[1]年齢別人口市区町村(日本人)'!L226</f>
        <v>852</v>
      </c>
      <c r="AC185" s="39">
        <f>'[1]年齢別人口市区町村(外国人)'!L226</f>
        <v>213</v>
      </c>
      <c r="AD185" s="38">
        <f>'[1]年齢別人口市区町村(総数)'!L226</f>
        <v>1065</v>
      </c>
      <c r="AE185" s="39">
        <f>'[1]年齢別人口市区町村(日本人)'!M226</f>
        <v>1046</v>
      </c>
      <c r="AF185" s="39">
        <f>'[1]年齢別人口市区町村(外国人)'!M226</f>
        <v>162</v>
      </c>
      <c r="AG185" s="38">
        <f>'[1]年齢別人口市区町村(総数)'!M226</f>
        <v>1208</v>
      </c>
      <c r="AH185" s="39">
        <f>'[1]年齢別人口市区町村(日本人)'!N226</f>
        <v>1263</v>
      </c>
      <c r="AI185" s="39">
        <f>'[1]年齢別人口市区町村(外国人)'!N226</f>
        <v>139</v>
      </c>
      <c r="AJ185" s="38">
        <f>'[1]年齢別人口市区町村(総数)'!N226</f>
        <v>1402</v>
      </c>
      <c r="AK185" s="39">
        <f>'[1]年齢別人口市区町村(日本人)'!O226</f>
        <v>1735</v>
      </c>
      <c r="AL185" s="39">
        <f>'[1]年齢別人口市区町村(外国人)'!O226</f>
        <v>110</v>
      </c>
      <c r="AM185" s="38">
        <f>'[1]年齢別人口市区町村(総数)'!O226</f>
        <v>1845</v>
      </c>
      <c r="AN185" s="39">
        <f>'[1]年齢別人口市区町村(日本人)'!P226</f>
        <v>1553</v>
      </c>
      <c r="AO185" s="39">
        <f>'[1]年齢別人口市区町村(外国人)'!P226</f>
        <v>116</v>
      </c>
      <c r="AP185" s="38">
        <f>'[1]年齢別人口市区町村(総数)'!P226</f>
        <v>1669</v>
      </c>
      <c r="AQ185" s="39">
        <f>'[1]年齢別人口市区町村(日本人)'!Q226</f>
        <v>1237</v>
      </c>
      <c r="AR185" s="39">
        <f>'[1]年齢別人口市区町村(外国人)'!Q226</f>
        <v>79</v>
      </c>
      <c r="AS185" s="38">
        <f>'[1]年齢別人口市区町村(総数)'!Q226</f>
        <v>1316</v>
      </c>
      <c r="AT185" s="39">
        <f>'[1]年齢別人口市区町村(日本人)'!R226</f>
        <v>1199</v>
      </c>
      <c r="AU185" s="39">
        <f>'[1]年齢別人口市区町村(外国人)'!R226</f>
        <v>50</v>
      </c>
      <c r="AV185" s="38">
        <f>'[1]年齢別人口市区町村(総数)'!R226</f>
        <v>1249</v>
      </c>
      <c r="AW185" s="39">
        <f>'[1]年齢別人口市区町村(日本人)'!S226</f>
        <v>1388</v>
      </c>
      <c r="AX185" s="39">
        <f>'[1]年齢別人口市区町村(外国人)'!S226</f>
        <v>31</v>
      </c>
      <c r="AY185" s="38">
        <f>'[1]年齢別人口市区町村(総数)'!S226</f>
        <v>1419</v>
      </c>
      <c r="AZ185" s="39">
        <f>'[1]年齢別人口市区町村(日本人)'!T226</f>
        <v>1523</v>
      </c>
      <c r="BA185" s="39">
        <f>'[1]年齢別人口市区町村(外国人)'!T226</f>
        <v>7</v>
      </c>
      <c r="BB185" s="38">
        <f>'[1]年齢別人口市区町村(総数)'!T226</f>
        <v>1530</v>
      </c>
      <c r="BC185" s="39">
        <f>'[1]年齢別人口市区町村(日本人)'!U226</f>
        <v>914</v>
      </c>
      <c r="BD185" s="39">
        <f>'[1]年齢別人口市区町村(外国人)'!U226</f>
        <v>3</v>
      </c>
      <c r="BE185" s="38">
        <f>'[1]年齢別人口市区町村(総数)'!U226</f>
        <v>917</v>
      </c>
      <c r="BF185" s="39">
        <f>'[1]年齢別人口市区町村(日本人)'!V226</f>
        <v>502</v>
      </c>
      <c r="BG185" s="39">
        <f>'[1]年齢別人口市区町村(外国人)'!V226</f>
        <v>0</v>
      </c>
      <c r="BH185" s="38">
        <f>'[1]年齢別人口市区町村(総数)'!V226</f>
        <v>502</v>
      </c>
      <c r="BI185" s="39">
        <f>'[1]年齢別人口市区町村(日本人)'!W226</f>
        <v>164</v>
      </c>
      <c r="BJ185" s="39">
        <f>'[1]年齢別人口市区町村(外国人)'!W226</f>
        <v>0</v>
      </c>
      <c r="BK185" s="38">
        <f>'[1]年齢別人口市区町村(総数)'!W226</f>
        <v>164</v>
      </c>
      <c r="BL185" s="39">
        <f>'[1]年齢別人口市区町村(日本人)'!X226</f>
        <v>22</v>
      </c>
      <c r="BM185" s="39">
        <f>'[1]年齢別人口市区町村(外国人)'!X226</f>
        <v>0</v>
      </c>
      <c r="BN185" s="38">
        <f>'[1]年齢別人口市区町村(総数)'!X226</f>
        <v>22</v>
      </c>
      <c r="BO185" s="39">
        <f>'[1]年齢別人口市区町村(日本人)'!Y226</f>
        <v>0</v>
      </c>
      <c r="BP185" s="39">
        <f>'[1]年齢別人口市区町村(外国人)'!Y226</f>
        <v>0</v>
      </c>
      <c r="BQ185" s="63">
        <f>'[1]年齢別人口市区町村(総数)'!Y226</f>
        <v>0</v>
      </c>
    </row>
    <row r="186" spans="1:69" x14ac:dyDescent="0.15">
      <c r="A186" s="16" t="s">
        <v>90</v>
      </c>
      <c r="B186" s="21" t="s">
        <v>31</v>
      </c>
      <c r="C186" s="46"/>
      <c r="D186" s="40">
        <f>'[1]年齢別人口市区町村(日本人)'!D227</f>
        <v>16905</v>
      </c>
      <c r="E186" s="38">
        <f>'[1]年齢別人口市区町村(外国人)'!D227</f>
        <v>1684</v>
      </c>
      <c r="F186" s="24">
        <f>'[1]年齢別人口市区町村(総数)'!D227</f>
        <v>18589</v>
      </c>
      <c r="G186" s="39">
        <f>'[1]年齢別人口市区町村(日本人)'!E227</f>
        <v>342</v>
      </c>
      <c r="H186" s="39">
        <f>'[1]年齢別人口市区町村(外国人)'!E227</f>
        <v>92</v>
      </c>
      <c r="I186" s="24">
        <f>'[1]年齢別人口市区町村(総数)'!E227</f>
        <v>434</v>
      </c>
      <c r="J186" s="39">
        <f>'[1]年齢別人口市区町村(日本人)'!F227</f>
        <v>518</v>
      </c>
      <c r="K186" s="39">
        <f>'[1]年齢別人口市区町村(外国人)'!F227</f>
        <v>73</v>
      </c>
      <c r="L186" s="24">
        <f>'[1]年齢別人口市区町村(総数)'!F227</f>
        <v>591</v>
      </c>
      <c r="M186" s="39">
        <f>'[1]年齢別人口市区町村(日本人)'!G227</f>
        <v>604</v>
      </c>
      <c r="N186" s="39">
        <f>'[1]年齢別人口市区町村(外国人)'!G227</f>
        <v>76</v>
      </c>
      <c r="O186" s="24">
        <f>'[1]年齢別人口市区町村(総数)'!G227</f>
        <v>680</v>
      </c>
      <c r="P186" s="39">
        <f>'[1]年齢別人口市区町村(日本人)'!H227</f>
        <v>759</v>
      </c>
      <c r="Q186" s="39">
        <f>'[1]年齢別人口市区町村(外国人)'!H227</f>
        <v>66</v>
      </c>
      <c r="R186" s="24">
        <f>'[1]年齢別人口市区町村(総数)'!H227</f>
        <v>825</v>
      </c>
      <c r="S186" s="39">
        <f>'[1]年齢別人口市区町村(日本人)'!I227</f>
        <v>683</v>
      </c>
      <c r="T186" s="39">
        <f>'[1]年齢別人口市区町村(外国人)'!I227</f>
        <v>150</v>
      </c>
      <c r="U186" s="24">
        <f>'[1]年齢別人口市区町村(総数)'!I227</f>
        <v>833</v>
      </c>
      <c r="V186" s="39">
        <f>'[1]年齢別人口市区町村(日本人)'!J227</f>
        <v>634</v>
      </c>
      <c r="W186" s="39">
        <f>'[1]年齢別人口市区町村(外国人)'!J227</f>
        <v>216</v>
      </c>
      <c r="X186" s="24">
        <f>'[1]年齢別人口市区町村(総数)'!J227</f>
        <v>850</v>
      </c>
      <c r="Y186" s="39">
        <f>'[1]年齢別人口市区町村(日本人)'!K227</f>
        <v>645</v>
      </c>
      <c r="Z186" s="39">
        <f>'[1]年齢別人口市区町村(外国人)'!K227</f>
        <v>169</v>
      </c>
      <c r="AA186" s="24">
        <f>'[1]年齢別人口市区町村(総数)'!K227</f>
        <v>814</v>
      </c>
      <c r="AB186" s="39">
        <f>'[1]年齢別人口市区町村(日本人)'!L227</f>
        <v>654</v>
      </c>
      <c r="AC186" s="39">
        <f>'[1]年齢別人口市区町村(外国人)'!L227</f>
        <v>133</v>
      </c>
      <c r="AD186" s="24">
        <f>'[1]年齢別人口市区町村(総数)'!L227</f>
        <v>787</v>
      </c>
      <c r="AE186" s="39">
        <f>'[1]年齢別人口市区町村(日本人)'!M227</f>
        <v>857</v>
      </c>
      <c r="AF186" s="39">
        <f>'[1]年齢別人口市区町村(外国人)'!M227</f>
        <v>126</v>
      </c>
      <c r="AG186" s="24">
        <f>'[1]年齢別人口市区町村(総数)'!M227</f>
        <v>983</v>
      </c>
      <c r="AH186" s="39">
        <f>'[1]年齢別人口市区町村(日本人)'!N227</f>
        <v>1065</v>
      </c>
      <c r="AI186" s="39">
        <f>'[1]年齢別人口市区町村(外国人)'!N227</f>
        <v>113</v>
      </c>
      <c r="AJ186" s="24">
        <f>'[1]年齢別人口市区町村(総数)'!N227</f>
        <v>1178</v>
      </c>
      <c r="AK186" s="39">
        <f>'[1]年齢別人口市区町村(日本人)'!O227</f>
        <v>1365</v>
      </c>
      <c r="AL186" s="39">
        <f>'[1]年齢別人口市区町村(外国人)'!O227</f>
        <v>125</v>
      </c>
      <c r="AM186" s="24">
        <f>'[1]年齢別人口市区町村(総数)'!O227</f>
        <v>1490</v>
      </c>
      <c r="AN186" s="39">
        <f>'[1]年齢別人口市区町村(日本人)'!P227</f>
        <v>1223</v>
      </c>
      <c r="AO186" s="39">
        <f>'[1]年齢別人口市区町村(外国人)'!P227</f>
        <v>133</v>
      </c>
      <c r="AP186" s="24">
        <f>'[1]年齢別人口市区町村(総数)'!P227</f>
        <v>1356</v>
      </c>
      <c r="AQ186" s="39">
        <f>'[1]年齢別人口市区町村(日本人)'!Q227</f>
        <v>1110</v>
      </c>
      <c r="AR186" s="39">
        <f>'[1]年齢別人口市区町村(外国人)'!Q227</f>
        <v>90</v>
      </c>
      <c r="AS186" s="24">
        <f>'[1]年齢別人口市区町村(総数)'!Q227</f>
        <v>1200</v>
      </c>
      <c r="AT186" s="39">
        <f>'[1]年齢別人口市区町村(日本人)'!R227</f>
        <v>1113</v>
      </c>
      <c r="AU186" s="39">
        <f>'[1]年齢別人口市区町村(外国人)'!R227</f>
        <v>53</v>
      </c>
      <c r="AV186" s="24">
        <f>'[1]年齢別人口市区町村(総数)'!R227</f>
        <v>1166</v>
      </c>
      <c r="AW186" s="39">
        <f>'[1]年齢別人口市区町村(日本人)'!S227</f>
        <v>1401</v>
      </c>
      <c r="AX186" s="39">
        <f>'[1]年齢別人口市区町村(外国人)'!S227</f>
        <v>34</v>
      </c>
      <c r="AY186" s="24">
        <f>'[1]年齢別人口市区町村(総数)'!S227</f>
        <v>1435</v>
      </c>
      <c r="AZ186" s="39">
        <f>'[1]年齢別人口市区町村(日本人)'!T227</f>
        <v>1672</v>
      </c>
      <c r="BA186" s="39">
        <f>'[1]年齢別人口市区町村(外国人)'!T227</f>
        <v>20</v>
      </c>
      <c r="BB186" s="24">
        <f>'[1]年齢別人口市区町村(総数)'!T227</f>
        <v>1692</v>
      </c>
      <c r="BC186" s="39">
        <f>'[1]年齢別人口市区町村(日本人)'!U227</f>
        <v>1145</v>
      </c>
      <c r="BD186" s="39">
        <f>'[1]年齢別人口市区町村(外国人)'!U227</f>
        <v>10</v>
      </c>
      <c r="BE186" s="24">
        <f>'[1]年齢別人口市区町村(総数)'!U227</f>
        <v>1155</v>
      </c>
      <c r="BF186" s="39">
        <f>'[1]年齢別人口市区町村(日本人)'!V227</f>
        <v>714</v>
      </c>
      <c r="BG186" s="39">
        <f>'[1]年齢別人口市区町村(外国人)'!V227</f>
        <v>3</v>
      </c>
      <c r="BH186" s="24">
        <f>'[1]年齢別人口市区町村(総数)'!V227</f>
        <v>717</v>
      </c>
      <c r="BI186" s="39">
        <f>'[1]年齢別人口市区町村(日本人)'!W227</f>
        <v>282</v>
      </c>
      <c r="BJ186" s="39">
        <f>'[1]年齢別人口市区町村(外国人)'!W227</f>
        <v>2</v>
      </c>
      <c r="BK186" s="24">
        <f>'[1]年齢別人口市区町村(総数)'!W227</f>
        <v>284</v>
      </c>
      <c r="BL186" s="39">
        <f>'[1]年齢別人口市区町村(日本人)'!X227</f>
        <v>97</v>
      </c>
      <c r="BM186" s="39">
        <f>'[1]年齢別人口市区町村(外国人)'!X227</f>
        <v>0</v>
      </c>
      <c r="BN186" s="24">
        <f>'[1]年齢別人口市区町村(総数)'!X227</f>
        <v>97</v>
      </c>
      <c r="BO186" s="39">
        <f>'[1]年齢別人口市区町村(日本人)'!Y227</f>
        <v>22</v>
      </c>
      <c r="BP186" s="39">
        <f>'[1]年齢別人口市区町村(外国人)'!Y227</f>
        <v>0</v>
      </c>
      <c r="BQ186" s="61">
        <f>'[1]年齢別人口市区町村(総数)'!Y227</f>
        <v>22</v>
      </c>
    </row>
    <row r="187" spans="1:69" ht="15" thickBot="1" x14ac:dyDescent="0.2">
      <c r="A187" s="35"/>
      <c r="B187" s="25" t="s">
        <v>32</v>
      </c>
      <c r="C187" s="47"/>
      <c r="D187" s="41">
        <f>'[1]年齢別人口市区町村(日本人)'!D225</f>
        <v>35243</v>
      </c>
      <c r="E187" s="42">
        <f>'[1]年齢別人口市区町村(外国人)'!D225</f>
        <v>3926</v>
      </c>
      <c r="F187" s="28">
        <f>'[1]年齢別人口市区町村(総数)'!D225</f>
        <v>39169</v>
      </c>
      <c r="G187" s="43">
        <f>'[1]年齢別人口市区町村(日本人)'!E225</f>
        <v>722</v>
      </c>
      <c r="H187" s="28">
        <f>'[1]年齢別人口市区町村(外国人)'!E225</f>
        <v>182</v>
      </c>
      <c r="I187" s="28">
        <f>'[1]年齢別人口市区町村(総数)'!E225</f>
        <v>904</v>
      </c>
      <c r="J187" s="43">
        <f>'[1]年齢別人口市区町村(日本人)'!F225</f>
        <v>1056</v>
      </c>
      <c r="K187" s="28">
        <f>'[1]年齢別人口市区町村(外国人)'!F225</f>
        <v>156</v>
      </c>
      <c r="L187" s="28">
        <f>'[1]年齢別人口市区町村(総数)'!F225</f>
        <v>1212</v>
      </c>
      <c r="M187" s="43">
        <f>'[1]年齢別人口市区町村(日本人)'!G225</f>
        <v>1286</v>
      </c>
      <c r="N187" s="28">
        <f>'[1]年齢別人口市区町村(外国人)'!G225</f>
        <v>158</v>
      </c>
      <c r="O187" s="28">
        <f>'[1]年齢別人口市区町村(総数)'!G225</f>
        <v>1444</v>
      </c>
      <c r="P187" s="43">
        <f>'[1]年齢別人口市区町村(日本人)'!H225</f>
        <v>1568</v>
      </c>
      <c r="Q187" s="28">
        <f>'[1]年齢別人口市区町村(外国人)'!H225</f>
        <v>167</v>
      </c>
      <c r="R187" s="28">
        <f>'[1]年齢別人口市区町村(総数)'!H225</f>
        <v>1735</v>
      </c>
      <c r="S187" s="43">
        <f>'[1]年齢別人口市区町村(日本人)'!I225</f>
        <v>1575</v>
      </c>
      <c r="T187" s="28">
        <f>'[1]年齢別人口市区町村(外国人)'!I225</f>
        <v>444</v>
      </c>
      <c r="U187" s="28">
        <f>'[1]年齢別人口市区町村(総数)'!I225</f>
        <v>2019</v>
      </c>
      <c r="V187" s="43">
        <f>'[1]年齢別人口市区町村(日本人)'!J225</f>
        <v>1457</v>
      </c>
      <c r="W187" s="28">
        <f>'[1]年齢別人口市区町村(外国人)'!J225</f>
        <v>605</v>
      </c>
      <c r="X187" s="28">
        <f>'[1]年齢別人口市区町村(総数)'!J225</f>
        <v>2062</v>
      </c>
      <c r="Y187" s="43">
        <f>'[1]年齢別人口市区町村(日本人)'!K225</f>
        <v>1461</v>
      </c>
      <c r="Z187" s="28">
        <f>'[1]年齢別人口市区町村(外国人)'!K225</f>
        <v>462</v>
      </c>
      <c r="AA187" s="28">
        <f>'[1]年齢別人口市区町村(総数)'!K225</f>
        <v>1923</v>
      </c>
      <c r="AB187" s="43">
        <f>'[1]年齢別人口市区町村(日本人)'!L225</f>
        <v>1506</v>
      </c>
      <c r="AC187" s="28">
        <f>'[1]年齢別人口市区町村(外国人)'!L225</f>
        <v>346</v>
      </c>
      <c r="AD187" s="28">
        <f>'[1]年齢別人口市区町村(総数)'!L225</f>
        <v>1852</v>
      </c>
      <c r="AE187" s="43">
        <f>'[1]年齢別人口市区町村(日本人)'!M225</f>
        <v>1903</v>
      </c>
      <c r="AF187" s="28">
        <f>'[1]年齢別人口市区町村(外国人)'!M225</f>
        <v>288</v>
      </c>
      <c r="AG187" s="28">
        <f>'[1]年齢別人口市区町村(総数)'!M225</f>
        <v>2191</v>
      </c>
      <c r="AH187" s="43">
        <f>'[1]年齢別人口市区町村(日本人)'!N225</f>
        <v>2328</v>
      </c>
      <c r="AI187" s="28">
        <f>'[1]年齢別人口市区町村(外国人)'!N225</f>
        <v>252</v>
      </c>
      <c r="AJ187" s="28">
        <f>'[1]年齢別人口市区町村(総数)'!N225</f>
        <v>2580</v>
      </c>
      <c r="AK187" s="43">
        <f>'[1]年齢別人口市区町村(日本人)'!O225</f>
        <v>3100</v>
      </c>
      <c r="AL187" s="28">
        <f>'[1]年齢別人口市区町村(外国人)'!O225</f>
        <v>235</v>
      </c>
      <c r="AM187" s="28">
        <f>'[1]年齢別人口市区町村(総数)'!O225</f>
        <v>3335</v>
      </c>
      <c r="AN187" s="43">
        <f>'[1]年齢別人口市区町村(日本人)'!P225</f>
        <v>2776</v>
      </c>
      <c r="AO187" s="28">
        <f>'[1]年齢別人口市区町村(外国人)'!P225</f>
        <v>249</v>
      </c>
      <c r="AP187" s="28">
        <f>'[1]年齢別人口市区町村(総数)'!P225</f>
        <v>3025</v>
      </c>
      <c r="AQ187" s="43">
        <f>'[1]年齢別人口市区町村(日本人)'!Q225</f>
        <v>2347</v>
      </c>
      <c r="AR187" s="28">
        <f>'[1]年齢別人口市区町村(外国人)'!Q225</f>
        <v>169</v>
      </c>
      <c r="AS187" s="28">
        <f>'[1]年齢別人口市区町村(総数)'!Q225</f>
        <v>2516</v>
      </c>
      <c r="AT187" s="43">
        <f>'[1]年齢別人口市区町村(日本人)'!R225</f>
        <v>2312</v>
      </c>
      <c r="AU187" s="28">
        <f>'[1]年齢別人口市区町村(外国人)'!R225</f>
        <v>103</v>
      </c>
      <c r="AV187" s="28">
        <f>'[1]年齢別人口市区町村(総数)'!R225</f>
        <v>2415</v>
      </c>
      <c r="AW187" s="43">
        <f>'[1]年齢別人口市区町村(日本人)'!S225</f>
        <v>2789</v>
      </c>
      <c r="AX187" s="28">
        <f>'[1]年齢別人口市区町村(外国人)'!S225</f>
        <v>65</v>
      </c>
      <c r="AY187" s="28">
        <f>'[1]年齢別人口市区町村(総数)'!S225</f>
        <v>2854</v>
      </c>
      <c r="AZ187" s="43">
        <f>'[1]年齢別人口市区町村(日本人)'!T225</f>
        <v>3195</v>
      </c>
      <c r="BA187" s="28">
        <f>'[1]年齢別人口市区町村(外国人)'!T225</f>
        <v>27</v>
      </c>
      <c r="BB187" s="28">
        <f>'[1]年齢別人口市区町村(総数)'!T225</f>
        <v>3222</v>
      </c>
      <c r="BC187" s="43">
        <f>'[1]年齢別人口市区町村(日本人)'!U225</f>
        <v>2059</v>
      </c>
      <c r="BD187" s="28">
        <f>'[1]年齢別人口市区町村(外国人)'!U225</f>
        <v>13</v>
      </c>
      <c r="BE187" s="28">
        <f>'[1]年齢別人口市区町村(総数)'!U225</f>
        <v>2072</v>
      </c>
      <c r="BF187" s="43">
        <f>'[1]年齢別人口市区町村(日本人)'!V225</f>
        <v>1216</v>
      </c>
      <c r="BG187" s="28">
        <f>'[1]年齢別人口市区町村(外国人)'!V225</f>
        <v>3</v>
      </c>
      <c r="BH187" s="28">
        <f>'[1]年齢別人口市区町村(総数)'!V225</f>
        <v>1219</v>
      </c>
      <c r="BI187" s="43">
        <f>'[1]年齢別人口市区町村(日本人)'!W225</f>
        <v>446</v>
      </c>
      <c r="BJ187" s="28">
        <f>'[1]年齢別人口市区町村(外国人)'!W225</f>
        <v>2</v>
      </c>
      <c r="BK187" s="28">
        <f>'[1]年齢別人口市区町村(総数)'!W225</f>
        <v>448</v>
      </c>
      <c r="BL187" s="43">
        <f>'[1]年齢別人口市区町村(日本人)'!X225</f>
        <v>119</v>
      </c>
      <c r="BM187" s="28">
        <f>'[1]年齢別人口市区町村(外国人)'!X225</f>
        <v>0</v>
      </c>
      <c r="BN187" s="28">
        <f>'[1]年齢別人口市区町村(総数)'!X225</f>
        <v>119</v>
      </c>
      <c r="BO187" s="43">
        <f>'[1]年齢別人口市区町村(日本人)'!Y225</f>
        <v>22</v>
      </c>
      <c r="BP187" s="28">
        <f>'[1]年齢別人口市区町村(外国人)'!Y225</f>
        <v>0</v>
      </c>
      <c r="BQ187" s="62">
        <f>'[1]年齢別人口市区町村(総数)'!Y225</f>
        <v>22</v>
      </c>
    </row>
    <row r="188" spans="1:69" x14ac:dyDescent="0.15">
      <c r="A188" s="16"/>
      <c r="B188" s="17" t="s">
        <v>29</v>
      </c>
      <c r="C188" s="45">
        <v>144029</v>
      </c>
      <c r="D188" s="36">
        <f>'[1]年齢別人口市区町村(日本人)'!D229</f>
        <v>1302</v>
      </c>
      <c r="E188" s="37">
        <f>'[1]年齢別人口市区町村(外国人)'!D229</f>
        <v>63</v>
      </c>
      <c r="F188" s="38">
        <f>'[1]年齢別人口市区町村(総数)'!D229</f>
        <v>1365</v>
      </c>
      <c r="G188" s="39">
        <f>'[1]年齢別人口市区町村(日本人)'!E229</f>
        <v>15</v>
      </c>
      <c r="H188" s="39">
        <f>'[1]年齢別人口市区町村(外国人)'!E229</f>
        <v>1</v>
      </c>
      <c r="I188" s="38">
        <f>'[1]年齢別人口市区町村(総数)'!E229</f>
        <v>16</v>
      </c>
      <c r="J188" s="39">
        <f>'[1]年齢別人口市区町村(日本人)'!F229</f>
        <v>40</v>
      </c>
      <c r="K188" s="39">
        <f>'[1]年齢別人口市区町村(外国人)'!F229</f>
        <v>1</v>
      </c>
      <c r="L188" s="38">
        <f>'[1]年齢別人口市区町村(総数)'!F229</f>
        <v>41</v>
      </c>
      <c r="M188" s="39">
        <f>'[1]年齢別人口市区町村(日本人)'!G229</f>
        <v>41</v>
      </c>
      <c r="N188" s="39">
        <f>'[1]年齢別人口市区町村(外国人)'!G229</f>
        <v>1</v>
      </c>
      <c r="O188" s="38">
        <f>'[1]年齢別人口市区町村(総数)'!G229</f>
        <v>42</v>
      </c>
      <c r="P188" s="39">
        <f>'[1]年齢別人口市区町村(日本人)'!H229</f>
        <v>52</v>
      </c>
      <c r="Q188" s="39">
        <f>'[1]年齢別人口市区町村(外国人)'!H229</f>
        <v>5</v>
      </c>
      <c r="R188" s="38">
        <f>'[1]年齢別人口市区町村(総数)'!H229</f>
        <v>57</v>
      </c>
      <c r="S188" s="39">
        <f>'[1]年齢別人口市区町村(日本人)'!I229</f>
        <v>48</v>
      </c>
      <c r="T188" s="39">
        <f>'[1]年齢別人口市区町村(外国人)'!I229</f>
        <v>8</v>
      </c>
      <c r="U188" s="38">
        <f>'[1]年齢別人口市区町村(総数)'!I229</f>
        <v>56</v>
      </c>
      <c r="V188" s="39">
        <f>'[1]年齢別人口市区町村(日本人)'!J229</f>
        <v>40</v>
      </c>
      <c r="W188" s="39">
        <f>'[1]年齢別人口市区町村(外国人)'!J229</f>
        <v>17</v>
      </c>
      <c r="X188" s="38">
        <f>'[1]年齢別人口市区町村(総数)'!J229</f>
        <v>57</v>
      </c>
      <c r="Y188" s="39">
        <f>'[1]年齢別人口市区町村(日本人)'!K229</f>
        <v>38</v>
      </c>
      <c r="Z188" s="39">
        <f>'[1]年齢別人口市区町村(外国人)'!K229</f>
        <v>12</v>
      </c>
      <c r="AA188" s="38">
        <f>'[1]年齢別人口市区町村(総数)'!K229</f>
        <v>50</v>
      </c>
      <c r="AB188" s="39">
        <f>'[1]年齢別人口市区町村(日本人)'!L229</f>
        <v>50</v>
      </c>
      <c r="AC188" s="39">
        <f>'[1]年齢別人口市区町村(外国人)'!L229</f>
        <v>4</v>
      </c>
      <c r="AD188" s="38">
        <f>'[1]年齢別人口市区町村(総数)'!L229</f>
        <v>54</v>
      </c>
      <c r="AE188" s="39">
        <f>'[1]年齢別人口市区町村(日本人)'!M229</f>
        <v>75</v>
      </c>
      <c r="AF188" s="39">
        <f>'[1]年齢別人口市区町村(外国人)'!M229</f>
        <v>5</v>
      </c>
      <c r="AG188" s="38">
        <f>'[1]年齢別人口市区町村(総数)'!M229</f>
        <v>80</v>
      </c>
      <c r="AH188" s="39">
        <f>'[1]年齢別人口市区町村(日本人)'!N229</f>
        <v>93</v>
      </c>
      <c r="AI188" s="39">
        <f>'[1]年齢別人口市区町村(外国人)'!N229</f>
        <v>5</v>
      </c>
      <c r="AJ188" s="38">
        <f>'[1]年齢別人口市区町村(総数)'!N229</f>
        <v>98</v>
      </c>
      <c r="AK188" s="39">
        <f>'[1]年齢別人口市区町村(日本人)'!O229</f>
        <v>122</v>
      </c>
      <c r="AL188" s="39">
        <f>'[1]年齢別人口市区町村(外国人)'!O229</f>
        <v>4</v>
      </c>
      <c r="AM188" s="38">
        <f>'[1]年齢別人口市区町村(総数)'!O229</f>
        <v>126</v>
      </c>
      <c r="AN188" s="39">
        <f>'[1]年齢別人口市区町村(日本人)'!P229</f>
        <v>102</v>
      </c>
      <c r="AO188" s="39">
        <f>'[1]年齢別人口市区町村(外国人)'!P229</f>
        <v>0</v>
      </c>
      <c r="AP188" s="38">
        <f>'[1]年齢別人口市区町村(総数)'!P229</f>
        <v>102</v>
      </c>
      <c r="AQ188" s="39">
        <f>'[1]年齢別人口市区町村(日本人)'!Q229</f>
        <v>84</v>
      </c>
      <c r="AR188" s="39">
        <f>'[1]年齢別人口市区町村(外国人)'!Q229</f>
        <v>0</v>
      </c>
      <c r="AS188" s="38">
        <f>'[1]年齢別人口市区町村(総数)'!Q229</f>
        <v>84</v>
      </c>
      <c r="AT188" s="39">
        <f>'[1]年齢別人口市区町村(日本人)'!R229</f>
        <v>105</v>
      </c>
      <c r="AU188" s="39">
        <f>'[1]年齢別人口市区町村(外国人)'!R229</f>
        <v>0</v>
      </c>
      <c r="AV188" s="38">
        <f>'[1]年齢別人口市区町村(総数)'!R229</f>
        <v>105</v>
      </c>
      <c r="AW188" s="39">
        <f>'[1]年齢別人口市区町村(日本人)'!S229</f>
        <v>140</v>
      </c>
      <c r="AX188" s="39">
        <f>'[1]年齢別人口市区町村(外国人)'!S229</f>
        <v>0</v>
      </c>
      <c r="AY188" s="38">
        <f>'[1]年齢別人口市区町村(総数)'!S229</f>
        <v>140</v>
      </c>
      <c r="AZ188" s="39">
        <f>'[1]年齢別人口市区町村(日本人)'!T229</f>
        <v>131</v>
      </c>
      <c r="BA188" s="39">
        <f>'[1]年齢別人口市区町村(外国人)'!T229</f>
        <v>0</v>
      </c>
      <c r="BB188" s="38">
        <f>'[1]年齢別人口市区町村(総数)'!T229</f>
        <v>131</v>
      </c>
      <c r="BC188" s="39">
        <f>'[1]年齢別人口市区町村(日本人)'!U229</f>
        <v>71</v>
      </c>
      <c r="BD188" s="39">
        <f>'[1]年齢別人口市区町村(外国人)'!U229</f>
        <v>0</v>
      </c>
      <c r="BE188" s="38">
        <f>'[1]年齢別人口市区町村(総数)'!U229</f>
        <v>71</v>
      </c>
      <c r="BF188" s="39">
        <f>'[1]年齢別人口市区町村(日本人)'!V229</f>
        <v>36</v>
      </c>
      <c r="BG188" s="39">
        <f>'[1]年齢別人口市区町村(外国人)'!V229</f>
        <v>0</v>
      </c>
      <c r="BH188" s="38">
        <f>'[1]年齢別人口市区町村(総数)'!V229</f>
        <v>36</v>
      </c>
      <c r="BI188" s="39">
        <f>'[1]年齢別人口市区町村(日本人)'!W229</f>
        <v>11</v>
      </c>
      <c r="BJ188" s="39">
        <f>'[1]年齢別人口市区町村(外国人)'!W229</f>
        <v>0</v>
      </c>
      <c r="BK188" s="38">
        <f>'[1]年齢別人口市区町村(総数)'!W229</f>
        <v>11</v>
      </c>
      <c r="BL188" s="39">
        <f>'[1]年齢別人口市区町村(日本人)'!X229</f>
        <v>8</v>
      </c>
      <c r="BM188" s="39">
        <f>'[1]年齢別人口市区町村(外国人)'!X229</f>
        <v>0</v>
      </c>
      <c r="BN188" s="38">
        <f>'[1]年齢別人口市区町村(総数)'!X229</f>
        <v>8</v>
      </c>
      <c r="BO188" s="39">
        <f>'[1]年齢別人口市区町村(日本人)'!Y229</f>
        <v>0</v>
      </c>
      <c r="BP188" s="39">
        <f>'[1]年齢別人口市区町村(外国人)'!Y229</f>
        <v>0</v>
      </c>
      <c r="BQ188" s="63">
        <f>'[1]年齢別人口市区町村(総数)'!Y229</f>
        <v>0</v>
      </c>
    </row>
    <row r="189" spans="1:69" x14ac:dyDescent="0.15">
      <c r="A189" s="16" t="s">
        <v>91</v>
      </c>
      <c r="B189" s="21" t="s">
        <v>31</v>
      </c>
      <c r="C189" s="46"/>
      <c r="D189" s="40">
        <f>'[1]年齢別人口市区町村(日本人)'!D230</f>
        <v>1247</v>
      </c>
      <c r="E189" s="38">
        <f>'[1]年齢別人口市区町村(外国人)'!D230</f>
        <v>41</v>
      </c>
      <c r="F189" s="24">
        <f>'[1]年齢別人口市区町村(総数)'!D230</f>
        <v>1288</v>
      </c>
      <c r="G189" s="39">
        <f>'[1]年齢別人口市区町村(日本人)'!E230</f>
        <v>20</v>
      </c>
      <c r="H189" s="39">
        <f>'[1]年齢別人口市区町村(外国人)'!E230</f>
        <v>3</v>
      </c>
      <c r="I189" s="24">
        <f>'[1]年齢別人口市区町村(総数)'!E230</f>
        <v>23</v>
      </c>
      <c r="J189" s="39">
        <f>'[1]年齢別人口市区町村(日本人)'!F230</f>
        <v>38</v>
      </c>
      <c r="K189" s="39">
        <f>'[1]年齢別人口市区町村(外国人)'!F230</f>
        <v>1</v>
      </c>
      <c r="L189" s="24">
        <f>'[1]年齢別人口市区町村(総数)'!F230</f>
        <v>39</v>
      </c>
      <c r="M189" s="39">
        <f>'[1]年齢別人口市区町村(日本人)'!G230</f>
        <v>42</v>
      </c>
      <c r="N189" s="39">
        <f>'[1]年齢別人口市区町村(外国人)'!G230</f>
        <v>4</v>
      </c>
      <c r="O189" s="24">
        <f>'[1]年齢別人口市区町村(総数)'!G230</f>
        <v>46</v>
      </c>
      <c r="P189" s="39">
        <f>'[1]年齢別人口市区町村(日本人)'!H230</f>
        <v>57</v>
      </c>
      <c r="Q189" s="39">
        <f>'[1]年齢別人口市区町村(外国人)'!H230</f>
        <v>2</v>
      </c>
      <c r="R189" s="24">
        <f>'[1]年齢別人口市区町村(総数)'!H230</f>
        <v>59</v>
      </c>
      <c r="S189" s="39">
        <f>'[1]年齢別人口市区町村(日本人)'!I230</f>
        <v>38</v>
      </c>
      <c r="T189" s="39">
        <f>'[1]年齢別人口市区町村(外国人)'!I230</f>
        <v>3</v>
      </c>
      <c r="U189" s="24">
        <f>'[1]年齢別人口市区町村(総数)'!I230</f>
        <v>41</v>
      </c>
      <c r="V189" s="39">
        <f>'[1]年齢別人口市区町村(日本人)'!J230</f>
        <v>21</v>
      </c>
      <c r="W189" s="39">
        <f>'[1]年齢別人口市区町村(外国人)'!J230</f>
        <v>9</v>
      </c>
      <c r="X189" s="24">
        <f>'[1]年齢別人口市区町村(総数)'!J230</f>
        <v>30</v>
      </c>
      <c r="Y189" s="39">
        <f>'[1]年齢別人口市区町村(日本人)'!K230</f>
        <v>29</v>
      </c>
      <c r="Z189" s="39">
        <f>'[1]年齢別人口市区町村(外国人)'!K230</f>
        <v>3</v>
      </c>
      <c r="AA189" s="24">
        <f>'[1]年齢別人口市区町村(総数)'!K230</f>
        <v>32</v>
      </c>
      <c r="AB189" s="39">
        <f>'[1]年齢別人口市区町村(日本人)'!L230</f>
        <v>44</v>
      </c>
      <c r="AC189" s="39">
        <f>'[1]年齢別人口市区町村(外国人)'!L230</f>
        <v>4</v>
      </c>
      <c r="AD189" s="24">
        <f>'[1]年齢別人口市区町村(総数)'!L230</f>
        <v>48</v>
      </c>
      <c r="AE189" s="39">
        <f>'[1]年齢別人口市区町村(日本人)'!M230</f>
        <v>61</v>
      </c>
      <c r="AF189" s="39">
        <f>'[1]年齢別人口市区町村(外国人)'!M230</f>
        <v>1</v>
      </c>
      <c r="AG189" s="24">
        <f>'[1]年齢別人口市区町村(総数)'!M230</f>
        <v>62</v>
      </c>
      <c r="AH189" s="39">
        <f>'[1]年齢別人口市区町村(日本人)'!N230</f>
        <v>89</v>
      </c>
      <c r="AI189" s="39">
        <f>'[1]年齢別人口市区町村(外国人)'!N230</f>
        <v>2</v>
      </c>
      <c r="AJ189" s="24">
        <f>'[1]年齢別人口市区町村(総数)'!N230</f>
        <v>91</v>
      </c>
      <c r="AK189" s="39">
        <f>'[1]年齢別人口市区町村(日本人)'!O230</f>
        <v>94</v>
      </c>
      <c r="AL189" s="39">
        <f>'[1]年齢別人口市区町村(外国人)'!O230</f>
        <v>0</v>
      </c>
      <c r="AM189" s="24">
        <f>'[1]年齢別人口市区町村(総数)'!O230</f>
        <v>94</v>
      </c>
      <c r="AN189" s="39">
        <f>'[1]年齢別人口市区町村(日本人)'!P230</f>
        <v>71</v>
      </c>
      <c r="AO189" s="39">
        <f>'[1]年齢別人口市区町村(外国人)'!P230</f>
        <v>5</v>
      </c>
      <c r="AP189" s="24">
        <f>'[1]年齢別人口市区町村(総数)'!P230</f>
        <v>76</v>
      </c>
      <c r="AQ189" s="39">
        <f>'[1]年齢別人口市区町村(日本人)'!Q230</f>
        <v>92</v>
      </c>
      <c r="AR189" s="39">
        <f>'[1]年齢別人口市区町村(外国人)'!Q230</f>
        <v>1</v>
      </c>
      <c r="AS189" s="24">
        <f>'[1]年齢別人口市区町村(総数)'!Q230</f>
        <v>93</v>
      </c>
      <c r="AT189" s="39">
        <f>'[1]年齢別人口市区町村(日本人)'!R230</f>
        <v>102</v>
      </c>
      <c r="AU189" s="39">
        <f>'[1]年齢別人口市区町村(外国人)'!R230</f>
        <v>1</v>
      </c>
      <c r="AV189" s="24">
        <f>'[1]年齢別人口市区町村(総数)'!R230</f>
        <v>103</v>
      </c>
      <c r="AW189" s="39">
        <f>'[1]年齢別人口市区町村(日本人)'!S230</f>
        <v>125</v>
      </c>
      <c r="AX189" s="39">
        <f>'[1]年齢別人口市区町村(外国人)'!S230</f>
        <v>0</v>
      </c>
      <c r="AY189" s="24">
        <f>'[1]年齢別人口市区町村(総数)'!S230</f>
        <v>125</v>
      </c>
      <c r="AZ189" s="39">
        <f>'[1]年齢別人口市区町村(日本人)'!T230</f>
        <v>135</v>
      </c>
      <c r="BA189" s="39">
        <f>'[1]年齢別人口市区町村(外国人)'!T230</f>
        <v>2</v>
      </c>
      <c r="BB189" s="24">
        <f>'[1]年齢別人口市区町村(総数)'!T230</f>
        <v>137</v>
      </c>
      <c r="BC189" s="39">
        <f>'[1]年齢別人口市区町村(日本人)'!U230</f>
        <v>79</v>
      </c>
      <c r="BD189" s="39">
        <f>'[1]年齢別人口市区町村(外国人)'!U230</f>
        <v>0</v>
      </c>
      <c r="BE189" s="24">
        <f>'[1]年齢別人口市区町村(総数)'!U230</f>
        <v>79</v>
      </c>
      <c r="BF189" s="39">
        <f>'[1]年齢別人口市区町村(日本人)'!V230</f>
        <v>66</v>
      </c>
      <c r="BG189" s="39">
        <f>'[1]年齢別人口市区町村(外国人)'!V230</f>
        <v>0</v>
      </c>
      <c r="BH189" s="24">
        <f>'[1]年齢別人口市区町村(総数)'!V230</f>
        <v>66</v>
      </c>
      <c r="BI189" s="39">
        <f>'[1]年齢別人口市区町村(日本人)'!W230</f>
        <v>33</v>
      </c>
      <c r="BJ189" s="39">
        <f>'[1]年齢別人口市区町村(外国人)'!W230</f>
        <v>0</v>
      </c>
      <c r="BK189" s="24">
        <f>'[1]年齢別人口市区町村(総数)'!W230</f>
        <v>33</v>
      </c>
      <c r="BL189" s="39">
        <f>'[1]年齢別人口市区町村(日本人)'!X230</f>
        <v>9</v>
      </c>
      <c r="BM189" s="39">
        <f>'[1]年齢別人口市区町村(外国人)'!X230</f>
        <v>0</v>
      </c>
      <c r="BN189" s="24">
        <f>'[1]年齢別人口市区町村(総数)'!X230</f>
        <v>9</v>
      </c>
      <c r="BO189" s="39">
        <f>'[1]年齢別人口市区町村(日本人)'!Y230</f>
        <v>2</v>
      </c>
      <c r="BP189" s="39">
        <f>'[1]年齢別人口市区町村(外国人)'!Y230</f>
        <v>0</v>
      </c>
      <c r="BQ189" s="61">
        <f>'[1]年齢別人口市区町村(総数)'!Y230</f>
        <v>2</v>
      </c>
    </row>
    <row r="190" spans="1:69" ht="15" thickBot="1" x14ac:dyDescent="0.2">
      <c r="A190" s="44"/>
      <c r="B190" s="25" t="s">
        <v>32</v>
      </c>
      <c r="C190" s="47"/>
      <c r="D190" s="41">
        <f>'[1]年齢別人口市区町村(日本人)'!D228</f>
        <v>2549</v>
      </c>
      <c r="E190" s="43">
        <f>'[1]年齢別人口市区町村(外国人)'!D228</f>
        <v>104</v>
      </c>
      <c r="F190" s="28">
        <f>'[1]年齢別人口市区町村(総数)'!D228</f>
        <v>2653</v>
      </c>
      <c r="G190" s="43">
        <f>'[1]年齢別人口市区町村(日本人)'!E228</f>
        <v>35</v>
      </c>
      <c r="H190" s="28">
        <f>'[1]年齢別人口市区町村(外国人)'!E228</f>
        <v>4</v>
      </c>
      <c r="I190" s="28">
        <f>'[1]年齢別人口市区町村(総数)'!E228</f>
        <v>39</v>
      </c>
      <c r="J190" s="43">
        <f>'[1]年齢別人口市区町村(日本人)'!F228</f>
        <v>78</v>
      </c>
      <c r="K190" s="28">
        <f>'[1]年齢別人口市区町村(外国人)'!F228</f>
        <v>2</v>
      </c>
      <c r="L190" s="28">
        <f>'[1]年齢別人口市区町村(総数)'!F228</f>
        <v>80</v>
      </c>
      <c r="M190" s="43">
        <f>'[1]年齢別人口市区町村(日本人)'!G228</f>
        <v>83</v>
      </c>
      <c r="N190" s="28">
        <f>'[1]年齢別人口市区町村(外国人)'!G228</f>
        <v>5</v>
      </c>
      <c r="O190" s="28">
        <f>'[1]年齢別人口市区町村(総数)'!G228</f>
        <v>88</v>
      </c>
      <c r="P190" s="43">
        <f>'[1]年齢別人口市区町村(日本人)'!H228</f>
        <v>109</v>
      </c>
      <c r="Q190" s="28">
        <f>'[1]年齢別人口市区町村(外国人)'!H228</f>
        <v>7</v>
      </c>
      <c r="R190" s="28">
        <f>'[1]年齢別人口市区町村(総数)'!H228</f>
        <v>116</v>
      </c>
      <c r="S190" s="43">
        <f>'[1]年齢別人口市区町村(日本人)'!I228</f>
        <v>86</v>
      </c>
      <c r="T190" s="28">
        <f>'[1]年齢別人口市区町村(外国人)'!I228</f>
        <v>11</v>
      </c>
      <c r="U190" s="28">
        <f>'[1]年齢別人口市区町村(総数)'!I228</f>
        <v>97</v>
      </c>
      <c r="V190" s="43">
        <f>'[1]年齢別人口市区町村(日本人)'!J228</f>
        <v>61</v>
      </c>
      <c r="W190" s="28">
        <f>'[1]年齢別人口市区町村(外国人)'!J228</f>
        <v>26</v>
      </c>
      <c r="X190" s="28">
        <f>'[1]年齢別人口市区町村(総数)'!J228</f>
        <v>87</v>
      </c>
      <c r="Y190" s="43">
        <f>'[1]年齢別人口市区町村(日本人)'!K228</f>
        <v>67</v>
      </c>
      <c r="Z190" s="28">
        <f>'[1]年齢別人口市区町村(外国人)'!K228</f>
        <v>15</v>
      </c>
      <c r="AA190" s="28">
        <f>'[1]年齢別人口市区町村(総数)'!K228</f>
        <v>82</v>
      </c>
      <c r="AB190" s="43">
        <f>'[1]年齢別人口市区町村(日本人)'!L228</f>
        <v>94</v>
      </c>
      <c r="AC190" s="28">
        <f>'[1]年齢別人口市区町村(外国人)'!L228</f>
        <v>8</v>
      </c>
      <c r="AD190" s="28">
        <f>'[1]年齢別人口市区町村(総数)'!L228</f>
        <v>102</v>
      </c>
      <c r="AE190" s="43">
        <f>'[1]年齢別人口市区町村(日本人)'!M228</f>
        <v>136</v>
      </c>
      <c r="AF190" s="28">
        <f>'[1]年齢別人口市区町村(外国人)'!M228</f>
        <v>6</v>
      </c>
      <c r="AG190" s="28">
        <f>'[1]年齢別人口市区町村(総数)'!M228</f>
        <v>142</v>
      </c>
      <c r="AH190" s="43">
        <f>'[1]年齢別人口市区町村(日本人)'!N228</f>
        <v>182</v>
      </c>
      <c r="AI190" s="28">
        <f>'[1]年齢別人口市区町村(外国人)'!N228</f>
        <v>7</v>
      </c>
      <c r="AJ190" s="28">
        <f>'[1]年齢別人口市区町村(総数)'!N228</f>
        <v>189</v>
      </c>
      <c r="AK190" s="43">
        <f>'[1]年齢別人口市区町村(日本人)'!O228</f>
        <v>216</v>
      </c>
      <c r="AL190" s="28">
        <f>'[1]年齢別人口市区町村(外国人)'!O228</f>
        <v>4</v>
      </c>
      <c r="AM190" s="28">
        <f>'[1]年齢別人口市区町村(総数)'!O228</f>
        <v>220</v>
      </c>
      <c r="AN190" s="43">
        <f>'[1]年齢別人口市区町村(日本人)'!P228</f>
        <v>173</v>
      </c>
      <c r="AO190" s="28">
        <f>'[1]年齢別人口市区町村(外国人)'!P228</f>
        <v>5</v>
      </c>
      <c r="AP190" s="28">
        <f>'[1]年齢別人口市区町村(総数)'!P228</f>
        <v>178</v>
      </c>
      <c r="AQ190" s="43">
        <f>'[1]年齢別人口市区町村(日本人)'!Q228</f>
        <v>176</v>
      </c>
      <c r="AR190" s="28">
        <f>'[1]年齢別人口市区町村(外国人)'!Q228</f>
        <v>1</v>
      </c>
      <c r="AS190" s="28">
        <f>'[1]年齢別人口市区町村(総数)'!Q228</f>
        <v>177</v>
      </c>
      <c r="AT190" s="43">
        <f>'[1]年齢別人口市区町村(日本人)'!R228</f>
        <v>207</v>
      </c>
      <c r="AU190" s="28">
        <f>'[1]年齢別人口市区町村(外国人)'!R228</f>
        <v>1</v>
      </c>
      <c r="AV190" s="28">
        <f>'[1]年齢別人口市区町村(総数)'!R228</f>
        <v>208</v>
      </c>
      <c r="AW190" s="43">
        <f>'[1]年齢別人口市区町村(日本人)'!S228</f>
        <v>265</v>
      </c>
      <c r="AX190" s="28">
        <f>'[1]年齢別人口市区町村(外国人)'!S228</f>
        <v>0</v>
      </c>
      <c r="AY190" s="28">
        <f>'[1]年齢別人口市区町村(総数)'!S228</f>
        <v>265</v>
      </c>
      <c r="AZ190" s="43">
        <f>'[1]年齢別人口市区町村(日本人)'!T228</f>
        <v>266</v>
      </c>
      <c r="BA190" s="28">
        <f>'[1]年齢別人口市区町村(外国人)'!T228</f>
        <v>2</v>
      </c>
      <c r="BB190" s="28">
        <f>'[1]年齢別人口市区町村(総数)'!T228</f>
        <v>268</v>
      </c>
      <c r="BC190" s="43">
        <f>'[1]年齢別人口市区町村(日本人)'!U228</f>
        <v>150</v>
      </c>
      <c r="BD190" s="28">
        <f>'[1]年齢別人口市区町村(外国人)'!U228</f>
        <v>0</v>
      </c>
      <c r="BE190" s="28">
        <f>'[1]年齢別人口市区町村(総数)'!U228</f>
        <v>150</v>
      </c>
      <c r="BF190" s="43">
        <f>'[1]年齢別人口市区町村(日本人)'!V228</f>
        <v>102</v>
      </c>
      <c r="BG190" s="28">
        <f>'[1]年齢別人口市区町村(外国人)'!V228</f>
        <v>0</v>
      </c>
      <c r="BH190" s="28">
        <f>'[1]年齢別人口市区町村(総数)'!V228</f>
        <v>102</v>
      </c>
      <c r="BI190" s="43">
        <f>'[1]年齢別人口市区町村(日本人)'!W228</f>
        <v>44</v>
      </c>
      <c r="BJ190" s="28">
        <f>'[1]年齢別人口市区町村(外国人)'!W228</f>
        <v>0</v>
      </c>
      <c r="BK190" s="28">
        <f>'[1]年齢別人口市区町村(総数)'!W228</f>
        <v>44</v>
      </c>
      <c r="BL190" s="43">
        <f>'[1]年齢別人口市区町村(日本人)'!X228</f>
        <v>17</v>
      </c>
      <c r="BM190" s="28">
        <f>'[1]年齢別人口市区町村(外国人)'!X228</f>
        <v>0</v>
      </c>
      <c r="BN190" s="28">
        <f>'[1]年齢別人口市区町村(総数)'!X228</f>
        <v>17</v>
      </c>
      <c r="BO190" s="43">
        <f>'[1]年齢別人口市区町村(日本人)'!Y228</f>
        <v>2</v>
      </c>
      <c r="BP190" s="28">
        <f>'[1]年齢別人口市区町村(外国人)'!Y228</f>
        <v>0</v>
      </c>
      <c r="BQ190" s="62">
        <f>'[1]年齢別人口市区町村(総数)'!Y228</f>
        <v>2</v>
      </c>
    </row>
  </sheetData>
  <mergeCells count="64">
    <mergeCell ref="C179:C181"/>
    <mergeCell ref="C182:C184"/>
    <mergeCell ref="C185:C187"/>
    <mergeCell ref="C188:C190"/>
    <mergeCell ref="C161:C163"/>
    <mergeCell ref="C164:C166"/>
    <mergeCell ref="C167:C169"/>
    <mergeCell ref="C170:C172"/>
    <mergeCell ref="C173:C175"/>
    <mergeCell ref="C176:C178"/>
    <mergeCell ref="C158:C160"/>
    <mergeCell ref="C125:C127"/>
    <mergeCell ref="C128:C130"/>
    <mergeCell ref="C131:C133"/>
    <mergeCell ref="C134:C136"/>
    <mergeCell ref="C137:C139"/>
    <mergeCell ref="C140:C142"/>
    <mergeCell ref="C143:C145"/>
    <mergeCell ref="C146:C148"/>
    <mergeCell ref="C149:C151"/>
    <mergeCell ref="C152:C154"/>
    <mergeCell ref="C155:C157"/>
    <mergeCell ref="C122:C124"/>
    <mergeCell ref="C89:C91"/>
    <mergeCell ref="C92:C94"/>
    <mergeCell ref="C95:C97"/>
    <mergeCell ref="C98:C100"/>
    <mergeCell ref="C101:C103"/>
    <mergeCell ref="C104:C106"/>
    <mergeCell ref="C107:C109"/>
    <mergeCell ref="C110:C112"/>
    <mergeCell ref="C113:C115"/>
    <mergeCell ref="C116:C118"/>
    <mergeCell ref="C119:C121"/>
    <mergeCell ref="C86:C88"/>
    <mergeCell ref="C53:C55"/>
    <mergeCell ref="C56:C58"/>
    <mergeCell ref="C59:C61"/>
    <mergeCell ref="C62:C64"/>
    <mergeCell ref="C65:C67"/>
    <mergeCell ref="C68:C70"/>
    <mergeCell ref="C71:C73"/>
    <mergeCell ref="C74:C76"/>
    <mergeCell ref="C77:C79"/>
    <mergeCell ref="C80:C82"/>
    <mergeCell ref="C83:C85"/>
    <mergeCell ref="C50:C52"/>
    <mergeCell ref="C17:C19"/>
    <mergeCell ref="C20:C22"/>
    <mergeCell ref="C23:C25"/>
    <mergeCell ref="C26:C28"/>
    <mergeCell ref="C29:C31"/>
    <mergeCell ref="C32:C34"/>
    <mergeCell ref="C35:C37"/>
    <mergeCell ref="C38:C40"/>
    <mergeCell ref="C41:C43"/>
    <mergeCell ref="C44:C46"/>
    <mergeCell ref="C47:C49"/>
    <mergeCell ref="C14:C16"/>
    <mergeCell ref="A2:C2"/>
    <mergeCell ref="C3:C4"/>
    <mergeCell ref="C5:C7"/>
    <mergeCell ref="C8:C10"/>
    <mergeCell ref="C11:C13"/>
  </mergeCells>
  <phoneticPr fontId="1"/>
  <conditionalFormatting sqref="D5:BQ190">
    <cfRule type="expression" dxfId="4" priority="1" stopIfTrue="1">
      <formula>ISBLANK(D5)=TRUE</formula>
    </cfRule>
    <cfRule type="expression" dxfId="3" priority="2" stopIfTrue="1">
      <formula>INDIRECT("第１の３表②!"&amp;CELL("address",BT5))="×××"</formula>
    </cfRule>
    <cfRule type="expression" dxfId="2" priority="3" stopIfTrue="1">
      <formula>INDIRECT("第１の３表②!"&amp;CELL("address",BT5))="××"</formula>
    </cfRule>
    <cfRule type="expression" dxfId="1" priority="4" stopIfTrue="1">
      <formula>INDIRECT("第１の３表②!"&amp;CELL("address",BT5))="×"</formula>
    </cfRule>
    <cfRule type="expression" dxfId="0" priority="5" stopIfTrue="1">
      <formula>ISBLANK(D5)=FALSE</formula>
    </cfRule>
  </conditionalFormatting>
  <pageMargins left="0.70866141732283472" right="0.70866141732283472" top="0.74803149606299213" bottom="0.74803149606299213" header="0.31496062992125984" footer="0.31496062992125984"/>
  <pageSetup paperSize="9" scale="36" fitToHeight="0" orientation="landscape" r:id="rId1"/>
  <rowBreaks count="2" manualBreakCount="2">
    <brk id="64" max="70" man="1"/>
    <brk id="130" max="70" man="1"/>
  </rowBreaks>
  <colBreaks count="1" manualBreakCount="1">
    <brk id="36" max="189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12T01:26:01Z</cp:lastPrinted>
  <dcterms:created xsi:type="dcterms:W3CDTF">2020-02-28T02:22:46Z</dcterms:created>
  <dcterms:modified xsi:type="dcterms:W3CDTF">2026-05-12T01:36:18Z</dcterms:modified>
</cp:coreProperties>
</file>